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03_公益・宗教G（宗教）\04_広報・広聴\03_ホームページ\■名簿ホームページ\■R7年度（2025）\20260101現在の宗教法人数・名簿\HPup用 名簿Excel(R8.1.1)\"/>
    </mc:Choice>
  </mc:AlternateContent>
  <xr:revisionPtr revIDLastSave="0" documentId="8_{C999C320-7B26-44B2-9C9C-E72839D7E9C7}" xr6:coauthVersionLast="47" xr6:coauthVersionMax="47" xr10:uidLastSave="{00000000-0000-0000-0000-000000000000}"/>
  <bookViews>
    <workbookView xWindow="28680" yWindow="-4680" windowWidth="29040" windowHeight="15720" xr2:uid="{ED084969-D3AC-4E36-8223-212DC96A47F0}"/>
  </bookViews>
  <sheets>
    <sheet name="その他①" sheetId="1" r:id="rId1"/>
  </sheets>
  <definedNames>
    <definedName name="_xlnm._FilterDatabase" localSheetId="0" hidden="1">その他①!$A$1:$L$1113</definedName>
    <definedName name="batu">#REF!</definedName>
    <definedName name="_xlnm.Print_Area" localSheetId="0">その他①!$A:$I</definedName>
    <definedName name="_xlnm.Print_Titles" localSheetId="0">その他①!$1:$1</definedName>
    <definedName name="Q名簿用データ">#REF!</definedName>
    <definedName name="外字">#REF!</definedName>
    <definedName name="宗教法人テーブル" localSheetId="0">その他①!$A$1:$I$236</definedName>
    <definedName name="宗教法人テーブル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773" uniqueCount="2934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市町村</t>
    <rPh sb="0" eb="3">
      <t>シチョウソン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吾妻社</t>
  </si>
  <si>
    <t>佐野 和史</t>
  </si>
  <si>
    <t>横須賀市</t>
  </si>
  <si>
    <t>長浦町5-15-1</t>
  </si>
  <si>
    <t>安房口神社</t>
  </si>
  <si>
    <t>感見 達也</t>
  </si>
  <si>
    <t>吉井字上吉井95</t>
  </si>
  <si>
    <t>淡島神社</t>
  </si>
  <si>
    <t>玉泉 隆治</t>
  </si>
  <si>
    <t>芦名1-18-29</t>
  </si>
  <si>
    <t>雷神社</t>
  </si>
  <si>
    <t>秋山 貞治</t>
  </si>
  <si>
    <t>追浜本町1-9</t>
  </si>
  <si>
    <t>池上神社</t>
  </si>
  <si>
    <t>小池 千穎</t>
  </si>
  <si>
    <t>池上5-4-5</t>
  </si>
  <si>
    <t>大国主社</t>
  </si>
  <si>
    <t>浦郷町3-41</t>
  </si>
  <si>
    <t>鹿島神社</t>
  </si>
  <si>
    <t>畑 年</t>
  </si>
  <si>
    <t>西逸見町2-70</t>
  </si>
  <si>
    <t>春日神社</t>
  </si>
  <si>
    <t>今村 和歳</t>
  </si>
  <si>
    <t>三春町3-33</t>
  </si>
  <si>
    <t>叶神社</t>
  </si>
  <si>
    <t>西浦賀1-1-13</t>
  </si>
  <si>
    <t>永井 不士男</t>
  </si>
  <si>
    <t>東浦賀町2-63</t>
  </si>
  <si>
    <t>衣笠神社</t>
  </si>
  <si>
    <t>小矢部4-1202</t>
  </si>
  <si>
    <t>熊野社</t>
  </si>
  <si>
    <t>豊濱 龍之助</t>
  </si>
  <si>
    <t>佐島2-14-17</t>
  </si>
  <si>
    <t>熊野神社</t>
  </si>
  <si>
    <t>大井 靖法</t>
  </si>
  <si>
    <t>岩戸1-4-1</t>
  </si>
  <si>
    <t>秋谷5309</t>
  </si>
  <si>
    <t>豊浦 崇男</t>
  </si>
  <si>
    <t>長井6-16-25</t>
  </si>
  <si>
    <t>御霊神社</t>
  </si>
  <si>
    <t>佐原1-16-1</t>
  </si>
  <si>
    <t>十二所神社</t>
  </si>
  <si>
    <t>芦名1-21-26</t>
  </si>
  <si>
    <t>白髭神社</t>
  </si>
  <si>
    <t>野比2-26-1</t>
  </si>
  <si>
    <t>神明社</t>
  </si>
  <si>
    <t>浦郷町4-8</t>
  </si>
  <si>
    <t>長浦町2-76</t>
  </si>
  <si>
    <t>長浦町5-9</t>
  </si>
  <si>
    <t>秋谷2-14-12</t>
  </si>
  <si>
    <t>田浦町2-1</t>
  </si>
  <si>
    <t>深田台40</t>
  </si>
  <si>
    <t>住吉神社</t>
  </si>
  <si>
    <t>久里浜8-29-1</t>
  </si>
  <si>
    <t>長井6-30-32</t>
  </si>
  <si>
    <t>諏訪神社</t>
  </si>
  <si>
    <t>若松町3-17</t>
  </si>
  <si>
    <t>岩城 純隆</t>
  </si>
  <si>
    <t>大津町4-22-22</t>
  </si>
  <si>
    <t>阿部倉町355-2</t>
  </si>
  <si>
    <t>諏訪大神社</t>
  </si>
  <si>
    <t>緑が丘34</t>
  </si>
  <si>
    <t>浅間神社</t>
  </si>
  <si>
    <t>菊池 恵</t>
  </si>
  <si>
    <t>津久井4-18-1</t>
  </si>
  <si>
    <t>祖母神社</t>
  </si>
  <si>
    <t>長坂3-12-45</t>
  </si>
  <si>
    <t>大六天神社</t>
  </si>
  <si>
    <t>坂本町2-29</t>
  </si>
  <si>
    <t>近殿神社</t>
  </si>
  <si>
    <t>大矢部1-9-3</t>
  </si>
  <si>
    <t>天照大神</t>
  </si>
  <si>
    <t>早川 智好</t>
  </si>
  <si>
    <t>長沢6-27-33</t>
  </si>
  <si>
    <t>天神社</t>
  </si>
  <si>
    <t>久里浜5-19-3</t>
  </si>
  <si>
    <t>中里神社</t>
  </si>
  <si>
    <t>上町1-9</t>
  </si>
  <si>
    <t>子之神社</t>
  </si>
  <si>
    <t>汐入町4-55</t>
  </si>
  <si>
    <t>走水神社</t>
  </si>
  <si>
    <t>走水2-12-5</t>
  </si>
  <si>
    <t>八王子社</t>
  </si>
  <si>
    <t>浦郷町1-90</t>
  </si>
  <si>
    <t>八幡社</t>
  </si>
  <si>
    <t>林4-696</t>
  </si>
  <si>
    <t>八幡神社</t>
  </si>
  <si>
    <t>久里浜2-17-9</t>
  </si>
  <si>
    <t>須軽谷1186</t>
  </si>
  <si>
    <t>佐野町1-26</t>
  </si>
  <si>
    <t>鴨居3-5-5</t>
  </si>
  <si>
    <t>平作神社</t>
  </si>
  <si>
    <t>平作6-7-1</t>
  </si>
  <si>
    <t>船越神社</t>
  </si>
  <si>
    <t>船越町1-11</t>
  </si>
  <si>
    <t>三浦正八幡宮</t>
  </si>
  <si>
    <t>太田和5-2771</t>
  </si>
  <si>
    <t>三島社</t>
  </si>
  <si>
    <t>武1-33-13</t>
  </si>
  <si>
    <t>御滝神社</t>
  </si>
  <si>
    <t>久村御滝堂535</t>
  </si>
  <si>
    <t>御嶽神社</t>
  </si>
  <si>
    <t>不入斗町3-4</t>
  </si>
  <si>
    <t>八雲神社</t>
  </si>
  <si>
    <t>長井1-5-1</t>
  </si>
  <si>
    <t>安浦神社</t>
  </si>
  <si>
    <t>安浦町2-9</t>
  </si>
  <si>
    <t>山中社</t>
  </si>
  <si>
    <t>浦郷町2-86</t>
  </si>
  <si>
    <t>若宮神社</t>
  </si>
  <si>
    <t>久比里1-4-11</t>
  </si>
  <si>
    <t>神道大教</t>
  </si>
  <si>
    <t>神道大教冨士横須賀大教会</t>
  </si>
  <si>
    <t>小関 悦孝</t>
  </si>
  <si>
    <t>緑が丘20</t>
  </si>
  <si>
    <t>自然社</t>
  </si>
  <si>
    <t>自然社横須賀教堂</t>
  </si>
  <si>
    <t>大津賀 國俊</t>
  </si>
  <si>
    <t>安浦町1-14</t>
  </si>
  <si>
    <t>出雲大社教</t>
  </si>
  <si>
    <t>出雲大社教出雲大社安浦教会</t>
  </si>
  <si>
    <t>渡部 和子</t>
  </si>
  <si>
    <t>安浦町1-18</t>
  </si>
  <si>
    <t>丸山教</t>
  </si>
  <si>
    <t>丸山教天地海分教会</t>
  </si>
  <si>
    <t>関澤 政儀</t>
  </si>
  <si>
    <t>津久井5-16-29</t>
  </si>
  <si>
    <t>神習教</t>
  </si>
  <si>
    <t>神習教安浦支教会</t>
  </si>
  <si>
    <t>松本 剛直</t>
  </si>
  <si>
    <t>安浦町2-12</t>
  </si>
  <si>
    <t>神習教横須賀大教会</t>
  </si>
  <si>
    <t>石川 敏久</t>
  </si>
  <si>
    <t>汐入町3-29</t>
  </si>
  <si>
    <t>金光教</t>
  </si>
  <si>
    <t>金光教横須賀教会</t>
  </si>
  <si>
    <t>木本 紀義</t>
  </si>
  <si>
    <t>深田台32</t>
  </si>
  <si>
    <t>仏教系</t>
  </si>
  <si>
    <t>高野山真言宗</t>
  </si>
  <si>
    <t>東光寺</t>
  </si>
  <si>
    <t>田村 英厳</t>
  </si>
  <si>
    <t>津久井5-8-3</t>
  </si>
  <si>
    <t>逸見教会</t>
  </si>
  <si>
    <t>須藤 龍快</t>
  </si>
  <si>
    <t>吉倉町1-33</t>
  </si>
  <si>
    <t>真言宗大覚寺派</t>
  </si>
  <si>
    <t>円乗院</t>
  </si>
  <si>
    <t>泉 良顕</t>
  </si>
  <si>
    <t>代務者</t>
  </si>
  <si>
    <t>秋谷4387</t>
  </si>
  <si>
    <t>立石教会</t>
  </si>
  <si>
    <t>小寺 孝照</t>
  </si>
  <si>
    <t>秋谷3-6-1</t>
  </si>
  <si>
    <t>真言宗智山派</t>
  </si>
  <si>
    <t>長光寺</t>
  </si>
  <si>
    <t>大橋 祐仁</t>
  </si>
  <si>
    <t>汐入町5-4</t>
  </si>
  <si>
    <t>浄土宗</t>
  </si>
  <si>
    <t>村山 英淳</t>
  </si>
  <si>
    <t>津久井5-20-18</t>
  </si>
  <si>
    <t>覚栄寺</t>
  </si>
  <si>
    <t>稲見 公宏</t>
  </si>
  <si>
    <t>走水2-8-14</t>
  </si>
  <si>
    <t>観音寺</t>
  </si>
  <si>
    <t>佐々木 佑倫</t>
  </si>
  <si>
    <t>追浜東町1-79</t>
  </si>
  <si>
    <t>光雲寺</t>
  </si>
  <si>
    <t>慶野 匡文</t>
  </si>
  <si>
    <t>秋谷4172</t>
  </si>
  <si>
    <t>西光院</t>
  </si>
  <si>
    <t>菊地 邦彦</t>
  </si>
  <si>
    <t>子安10-8</t>
  </si>
  <si>
    <t>西徳寺</t>
  </si>
  <si>
    <t>玉木 弁生</t>
  </si>
  <si>
    <t>鴨居2-20-4</t>
  </si>
  <si>
    <t>持経寺</t>
  </si>
  <si>
    <t>山本 健純</t>
  </si>
  <si>
    <t>武1-3040</t>
  </si>
  <si>
    <t>正観寺</t>
  </si>
  <si>
    <t>宮澤 善清</t>
  </si>
  <si>
    <t>浦郷町2-79</t>
  </si>
  <si>
    <t>正行院</t>
  </si>
  <si>
    <t>秋谷2-16-2</t>
  </si>
  <si>
    <t>正光寺</t>
  </si>
  <si>
    <t>伊香輪 暁道</t>
  </si>
  <si>
    <t>追浜町3-28</t>
  </si>
  <si>
    <t>正業寺</t>
  </si>
  <si>
    <t>渡部 俊賢</t>
  </si>
  <si>
    <t>久里浜2-19-15</t>
  </si>
  <si>
    <t>正住寺</t>
  </si>
  <si>
    <t>松江 弘信</t>
  </si>
  <si>
    <t>林5-1-5</t>
  </si>
  <si>
    <t>聖徳寺</t>
  </si>
  <si>
    <t>伊藤 浩信</t>
  </si>
  <si>
    <t>田戸台1</t>
  </si>
  <si>
    <t>常福寺</t>
  </si>
  <si>
    <t>國松 俊康</t>
  </si>
  <si>
    <t>西浦賀2-16-1</t>
  </si>
  <si>
    <t>浄楽寺</t>
  </si>
  <si>
    <t>土川 妙真</t>
  </si>
  <si>
    <t>芦名2-30-5</t>
  </si>
  <si>
    <t>浄林寺</t>
  </si>
  <si>
    <t>佐藤 穣隆</t>
  </si>
  <si>
    <t>馬堀町4-14-1</t>
  </si>
  <si>
    <t>信楽寺</t>
  </si>
  <si>
    <t>新原 千春</t>
  </si>
  <si>
    <t>大津町3-29-1</t>
  </si>
  <si>
    <t>福寺</t>
  </si>
  <si>
    <t>安井 昭道</t>
  </si>
  <si>
    <t>吉井1-4-48</t>
  </si>
  <si>
    <t>眞福寺</t>
  </si>
  <si>
    <t>専養院</t>
  </si>
  <si>
    <t>小松﨑 成淳</t>
  </si>
  <si>
    <t>太田和4-2390</t>
  </si>
  <si>
    <t>専福寺</t>
  </si>
  <si>
    <t>成田 善俊</t>
  </si>
  <si>
    <t>東浦賀2-10-6</t>
  </si>
  <si>
    <t>宗円寺</t>
  </si>
  <si>
    <t>富田 昭久</t>
  </si>
  <si>
    <t>久比里1-20-1</t>
  </si>
  <si>
    <t>長安寺</t>
  </si>
  <si>
    <t>玉木 弁立</t>
  </si>
  <si>
    <t>久里浜2-8-9</t>
  </si>
  <si>
    <t>長井寺</t>
  </si>
  <si>
    <t>井上 寛隆</t>
  </si>
  <si>
    <t>長井6-14-40</t>
  </si>
  <si>
    <t>長善寺</t>
  </si>
  <si>
    <t>野中 和道</t>
  </si>
  <si>
    <t>田浦町2-42</t>
  </si>
  <si>
    <t>伝福寺</t>
  </si>
  <si>
    <t>鈴木 顯祥</t>
  </si>
  <si>
    <t>久里浜8-23-1</t>
  </si>
  <si>
    <t>東漸寺</t>
  </si>
  <si>
    <t>武2-12-13</t>
  </si>
  <si>
    <t>東林寺</t>
  </si>
  <si>
    <t>菱科 顕裕</t>
  </si>
  <si>
    <t>東浦賀2-10-13</t>
  </si>
  <si>
    <t>南光院</t>
  </si>
  <si>
    <t>菊地 彰久</t>
  </si>
  <si>
    <t>芦名1-16-29</t>
  </si>
  <si>
    <t>福本寺</t>
  </si>
  <si>
    <t>山本 宗純</t>
  </si>
  <si>
    <t>佐島2-15-13</t>
  </si>
  <si>
    <t>不断寺</t>
  </si>
  <si>
    <t>杉浦 定徳</t>
  </si>
  <si>
    <t>長井5-1-1</t>
  </si>
  <si>
    <t>法蔵院</t>
  </si>
  <si>
    <t>余郷 有聡</t>
  </si>
  <si>
    <t>津久井1-12-5</t>
  </si>
  <si>
    <t>法幢寺</t>
  </si>
  <si>
    <t>菊地 佳人</t>
  </si>
  <si>
    <t>東浦賀町2-16-20</t>
  </si>
  <si>
    <t>満宗寺</t>
  </si>
  <si>
    <t>太田和1-1-5</t>
  </si>
  <si>
    <t>無量寺</t>
  </si>
  <si>
    <t>進藤 法雄</t>
  </si>
  <si>
    <t>長坂4-21-18</t>
  </si>
  <si>
    <t>了正寺</t>
  </si>
  <si>
    <t>土橋 妙宏</t>
  </si>
  <si>
    <t>三春町3-28</t>
  </si>
  <si>
    <t>良心寺</t>
  </si>
  <si>
    <t>追浜南町1-27</t>
  </si>
  <si>
    <t>浄土真宗本願寺派</t>
  </si>
  <si>
    <t>弘誓寺</t>
  </si>
  <si>
    <t>大久保 典子</t>
  </si>
  <si>
    <t>長井2-3-12</t>
  </si>
  <si>
    <t>最岸寺</t>
  </si>
  <si>
    <t>照本 直樹</t>
  </si>
  <si>
    <t>佐島2-14-1</t>
  </si>
  <si>
    <t>最蔵寺</t>
  </si>
  <si>
    <t>中島 幸充</t>
  </si>
  <si>
    <t>野比1-34-1</t>
  </si>
  <si>
    <t>最宝寺</t>
  </si>
  <si>
    <t>鎌倉 広文</t>
  </si>
  <si>
    <t>野比1-51-1</t>
  </si>
  <si>
    <t>常光寺</t>
  </si>
  <si>
    <t>鶴山 亮</t>
  </si>
  <si>
    <t>長浦町2-86</t>
  </si>
  <si>
    <t>乗誓寺</t>
  </si>
  <si>
    <t>曽我 宗光</t>
  </si>
  <si>
    <t>東浦賀1-20-10</t>
  </si>
  <si>
    <t>浄土寺</t>
  </si>
  <si>
    <t>逸見 道郎</t>
  </si>
  <si>
    <t>西逸見町1-11</t>
  </si>
  <si>
    <t>稱名寺</t>
  </si>
  <si>
    <t>結城 正純</t>
  </si>
  <si>
    <t>野比1-32-15</t>
  </si>
  <si>
    <t>信誠寺</t>
  </si>
  <si>
    <t>綴喜 祐淳</t>
  </si>
  <si>
    <t>大津町4-20-10</t>
  </si>
  <si>
    <t>佐島2-7-1</t>
  </si>
  <si>
    <t>長徳寺</t>
  </si>
  <si>
    <t>中島 憲雄</t>
  </si>
  <si>
    <t>長井5-20-19</t>
  </si>
  <si>
    <t>東蔵寺</t>
  </si>
  <si>
    <t>片岡 芳行</t>
  </si>
  <si>
    <t>佐島2-6-1</t>
  </si>
  <si>
    <t>法善寺</t>
  </si>
  <si>
    <t>吉氷 昭宏</t>
  </si>
  <si>
    <t>吉井1-7-16</t>
  </si>
  <si>
    <t>真宗大谷派</t>
  </si>
  <si>
    <t>勧明寺</t>
  </si>
  <si>
    <t>藤尾 明信</t>
  </si>
  <si>
    <t>長井6-16-31</t>
  </si>
  <si>
    <t>光竜寺</t>
  </si>
  <si>
    <t>宮川 正道</t>
  </si>
  <si>
    <t>浦郷町1-22</t>
  </si>
  <si>
    <t>最光寺</t>
  </si>
  <si>
    <t>藤堂 啓</t>
  </si>
  <si>
    <t>野比3-9-5</t>
  </si>
  <si>
    <t>西來寺</t>
  </si>
  <si>
    <t>伊藤 大信</t>
  </si>
  <si>
    <t>不入斗町3-38</t>
  </si>
  <si>
    <t>浄栄寺</t>
  </si>
  <si>
    <t>蒲 信一</t>
  </si>
  <si>
    <t>吉倉町1-30</t>
  </si>
  <si>
    <t>長願寺</t>
  </si>
  <si>
    <t>海 法龍</t>
  </si>
  <si>
    <t>長浦町3-19</t>
  </si>
  <si>
    <t>長源寺</t>
  </si>
  <si>
    <t>波島 顯明</t>
  </si>
  <si>
    <t>汐入町3-8</t>
  </si>
  <si>
    <t>時宗</t>
  </si>
  <si>
    <t>能永寺</t>
  </si>
  <si>
    <t>小笠原 義久</t>
  </si>
  <si>
    <t>浦郷町2-83</t>
  </si>
  <si>
    <t>臨済宗建長寺派</t>
  </si>
  <si>
    <t>自得寺</t>
  </si>
  <si>
    <t>前田 紹清</t>
  </si>
  <si>
    <t>追浜町3-24</t>
  </si>
  <si>
    <t>正禅寺</t>
  </si>
  <si>
    <t>森 基祐</t>
  </si>
  <si>
    <t>浦郷町4-5</t>
  </si>
  <si>
    <t>東福寺</t>
  </si>
  <si>
    <t>田部井 英行</t>
  </si>
  <si>
    <t>長浦町5-34</t>
  </si>
  <si>
    <t>獨園寺</t>
  </si>
  <si>
    <t>藤尾 聡</t>
  </si>
  <si>
    <t>浦郷町3-42</t>
  </si>
  <si>
    <t>満願寺</t>
  </si>
  <si>
    <t>永井 宗直</t>
  </si>
  <si>
    <t>岩戸1-4-9</t>
  </si>
  <si>
    <t>満昌寺</t>
  </si>
  <si>
    <t>永井 宗寛</t>
  </si>
  <si>
    <t>大矢部1-5-10</t>
  </si>
  <si>
    <t>臨済宗円覚寺派</t>
  </si>
  <si>
    <t>景徳寺</t>
  </si>
  <si>
    <t>長谷川 景一</t>
  </si>
  <si>
    <t>船越町1-61</t>
  </si>
  <si>
    <t>莊嚴寺</t>
  </si>
  <si>
    <t>河野 秀一</t>
  </si>
  <si>
    <t>津久井3-7-1</t>
  </si>
  <si>
    <t>清雲寺</t>
  </si>
  <si>
    <t>武久 宗靖</t>
  </si>
  <si>
    <t>大矢部5-9-20</t>
  </si>
  <si>
    <t>盛福寺</t>
  </si>
  <si>
    <t>山﨑 恵文</t>
  </si>
  <si>
    <t>田浦町5-51</t>
  </si>
  <si>
    <t>貞昌寺</t>
  </si>
  <si>
    <t>竹林 士哲</t>
  </si>
  <si>
    <t>馬堀町1-29-20</t>
  </si>
  <si>
    <t>曹洞宗</t>
  </si>
  <si>
    <t>慈眼寺</t>
  </si>
  <si>
    <t>福井 俊宏</t>
  </si>
  <si>
    <t>不入斗町3-77</t>
  </si>
  <si>
    <t>曹源寺</t>
  </si>
  <si>
    <t>野口 尚文</t>
  </si>
  <si>
    <t>公郷町3-23</t>
  </si>
  <si>
    <t>大松寺</t>
  </si>
  <si>
    <t>大野 元久</t>
  </si>
  <si>
    <t>小矢部3-13-2</t>
  </si>
  <si>
    <t>大泉寺</t>
  </si>
  <si>
    <t>大溪 俊彦</t>
  </si>
  <si>
    <t>走水2-11-13</t>
  </si>
  <si>
    <t>大善寺</t>
  </si>
  <si>
    <t>大津 秀法</t>
  </si>
  <si>
    <t>衣笠町29-1</t>
  </si>
  <si>
    <t>山田 哲也</t>
  </si>
  <si>
    <t>西浦賀2-2-1</t>
  </si>
  <si>
    <t>徳寿院</t>
  </si>
  <si>
    <t>小柳 善徳</t>
  </si>
  <si>
    <t>大滝町2-27</t>
  </si>
  <si>
    <t>能満寺</t>
  </si>
  <si>
    <t>大久保 元朗</t>
  </si>
  <si>
    <t>鴨居2-24-1</t>
  </si>
  <si>
    <t>萬藏寺</t>
  </si>
  <si>
    <t>桑山 信隆</t>
  </si>
  <si>
    <t>汐入町2-23</t>
  </si>
  <si>
    <t>良長院</t>
  </si>
  <si>
    <t>岡田 道生</t>
  </si>
  <si>
    <t>緑が丘2</t>
  </si>
  <si>
    <t>日蓮宗</t>
  </si>
  <si>
    <t>安穏寺</t>
  </si>
  <si>
    <t>原田 龍英</t>
  </si>
  <si>
    <t>芦名2-13-12</t>
  </si>
  <si>
    <t>栄林寺</t>
  </si>
  <si>
    <t>高橋 龍弘</t>
  </si>
  <si>
    <t>太田和4-2570</t>
  </si>
  <si>
    <t>静円寺</t>
  </si>
  <si>
    <t>石本 真教</t>
  </si>
  <si>
    <t>田浦町3-96</t>
  </si>
  <si>
    <t>聖徳院</t>
  </si>
  <si>
    <t>小池 智英</t>
  </si>
  <si>
    <t>佐原3-7-1</t>
  </si>
  <si>
    <t>正蓮寺</t>
  </si>
  <si>
    <t>永田 泰久</t>
  </si>
  <si>
    <t>荻野11-5</t>
  </si>
  <si>
    <t>泉福寺</t>
  </si>
  <si>
    <t>内田 浩正</t>
  </si>
  <si>
    <t>三春町5-13</t>
  </si>
  <si>
    <t>大光寺</t>
  </si>
  <si>
    <t>瀧川 真弘</t>
  </si>
  <si>
    <t>平作1-26-1</t>
  </si>
  <si>
    <t>太子寺</t>
  </si>
  <si>
    <t>田島 孝治</t>
  </si>
  <si>
    <t>浦賀6-3-6</t>
  </si>
  <si>
    <t>大明寺</t>
  </si>
  <si>
    <t>楠山 泰道</t>
  </si>
  <si>
    <t>衣笠栄町3-77</t>
  </si>
  <si>
    <t>等覚寺</t>
  </si>
  <si>
    <t>井上 哲也</t>
  </si>
  <si>
    <t>久村479</t>
  </si>
  <si>
    <t>日蓮宗豊栄教会</t>
  </si>
  <si>
    <t>神﨑 泰靜</t>
  </si>
  <si>
    <t>船越町3-42</t>
  </si>
  <si>
    <t>日蓮宗報恩教会</t>
  </si>
  <si>
    <t>原田 龍真</t>
  </si>
  <si>
    <t>田浦町5-27</t>
  </si>
  <si>
    <t>日蓮宗妙寿教会</t>
  </si>
  <si>
    <t>楠山 泰英</t>
  </si>
  <si>
    <t>小矢部4-1-7</t>
  </si>
  <si>
    <t>法道寺</t>
  </si>
  <si>
    <t>島田 朗成</t>
  </si>
  <si>
    <t>須軽谷1148</t>
  </si>
  <si>
    <t>本行寺</t>
  </si>
  <si>
    <t>品田 祥哉</t>
  </si>
  <si>
    <t>長沢1-56-9</t>
  </si>
  <si>
    <t>本住寺</t>
  </si>
  <si>
    <t>三田村 龍恵</t>
  </si>
  <si>
    <t>太田和1-12-1</t>
  </si>
  <si>
    <t>妙印寺</t>
  </si>
  <si>
    <t>桐生 昌哉</t>
  </si>
  <si>
    <t>長坂4-18-7</t>
  </si>
  <si>
    <t>妙傳寺</t>
  </si>
  <si>
    <t>楠山 泰延</t>
  </si>
  <si>
    <t>平作6-16-1</t>
  </si>
  <si>
    <t>妙忍寺</t>
  </si>
  <si>
    <t>藤村 行弘</t>
  </si>
  <si>
    <t>秋谷4313</t>
  </si>
  <si>
    <t>龍本寺</t>
  </si>
  <si>
    <t>田賀 龍生</t>
  </si>
  <si>
    <t>深田台10</t>
  </si>
  <si>
    <t>日蓮正宗</t>
  </si>
  <si>
    <t>法照寺</t>
  </si>
  <si>
    <t>石井 栄純</t>
  </si>
  <si>
    <t>日の出町1-10</t>
  </si>
  <si>
    <t>法華宗(本門流)</t>
  </si>
  <si>
    <t>心王寺</t>
  </si>
  <si>
    <t>野﨑 裕康</t>
  </si>
  <si>
    <t>船越町5-15</t>
  </si>
  <si>
    <t>妙昭寺</t>
  </si>
  <si>
    <t>牧野 福一</t>
  </si>
  <si>
    <t>平作4-6-9</t>
  </si>
  <si>
    <t>大乗教</t>
  </si>
  <si>
    <t>大乗教横須賀教会</t>
  </si>
  <si>
    <t>杉崎 達也</t>
  </si>
  <si>
    <t>佐野町1-18-1</t>
  </si>
  <si>
    <t>本門佛立宗</t>
  </si>
  <si>
    <t>信栄寺</t>
  </si>
  <si>
    <t>河本 栄一</t>
  </si>
  <si>
    <t>追浜町1-45</t>
  </si>
  <si>
    <t>信常寺</t>
  </si>
  <si>
    <t>信清 章</t>
  </si>
  <si>
    <t>安浦町3-17</t>
  </si>
  <si>
    <t>仏教系単立</t>
  </si>
  <si>
    <t>圓照寺</t>
  </si>
  <si>
    <t>佐野 修一</t>
  </si>
  <si>
    <t>走水2-9-9</t>
  </si>
  <si>
    <t>往生院</t>
  </si>
  <si>
    <t>齋藤 聖雄</t>
  </si>
  <si>
    <t>津久井3-18-27</t>
  </si>
  <si>
    <t>顯正寺</t>
  </si>
  <si>
    <t>押田 孝雄</t>
  </si>
  <si>
    <t>東浦賀2-1-1</t>
  </si>
  <si>
    <t>光心寺</t>
  </si>
  <si>
    <t>坂野 浩康</t>
  </si>
  <si>
    <t>衣笠栄町1-51</t>
  </si>
  <si>
    <t>慈眼院</t>
  </si>
  <si>
    <t>椎名 智尚</t>
  </si>
  <si>
    <t>佐原5-22-1</t>
  </si>
  <si>
    <t>正覚寺</t>
  </si>
  <si>
    <t>椎名 寛尚</t>
  </si>
  <si>
    <t>佐原3-17-2</t>
  </si>
  <si>
    <t>常勝寺</t>
  </si>
  <si>
    <t>椎名 昌</t>
  </si>
  <si>
    <t>佐原1-17-1</t>
  </si>
  <si>
    <t>椎名 英昌</t>
  </si>
  <si>
    <t>淨蓮寺</t>
  </si>
  <si>
    <t>椎名 正仁</t>
  </si>
  <si>
    <t>三春町1-34</t>
  </si>
  <si>
    <t>善応寺</t>
  </si>
  <si>
    <t>春原 幸男</t>
  </si>
  <si>
    <t>太田和5-321</t>
  </si>
  <si>
    <t>大蔵寺</t>
  </si>
  <si>
    <t>中村 邦明</t>
  </si>
  <si>
    <t>平作5-13-1</t>
  </si>
  <si>
    <t>福泉寺</t>
  </si>
  <si>
    <t>熊代 峰彦</t>
  </si>
  <si>
    <t>平作7-15-5</t>
  </si>
  <si>
    <t>普門会</t>
  </si>
  <si>
    <t>多田 雅一</t>
  </si>
  <si>
    <t>小川町25-5-302</t>
  </si>
  <si>
    <t>法福寺</t>
  </si>
  <si>
    <t>国府田 義昭</t>
  </si>
  <si>
    <t>追浜本町1-19</t>
  </si>
  <si>
    <t>妙栄寺</t>
  </si>
  <si>
    <t>鴻池 泰元</t>
  </si>
  <si>
    <t>佐野町2-44</t>
  </si>
  <si>
    <t>妙覚寺</t>
  </si>
  <si>
    <t>越膳 悟</t>
  </si>
  <si>
    <t>森崎2-5-11</t>
  </si>
  <si>
    <t>妙眞寺</t>
  </si>
  <si>
    <t>石渡 一俊</t>
  </si>
  <si>
    <t>公郷町5-6</t>
  </si>
  <si>
    <t>妙藏寺</t>
  </si>
  <si>
    <t>杉﨑 昌文</t>
  </si>
  <si>
    <t>池上4-7-11</t>
  </si>
  <si>
    <t>キリスト教系</t>
  </si>
  <si>
    <t>日本基督教団</t>
  </si>
  <si>
    <t>日本基督教団衣笠病院教会</t>
  </si>
  <si>
    <t>宮原 晃一郎</t>
  </si>
  <si>
    <t>小矢部2-23-1</t>
  </si>
  <si>
    <t>日本基督教団久里浜教会</t>
  </si>
  <si>
    <t>窪田 秀幸</t>
  </si>
  <si>
    <t>久里浜6-13-2</t>
  </si>
  <si>
    <t>日本基督教団田浦教会</t>
  </si>
  <si>
    <t>金 旻哉</t>
  </si>
  <si>
    <t>田浦町2-82-1</t>
  </si>
  <si>
    <t>日本基督教団武山教会</t>
  </si>
  <si>
    <t>柏木 英雄</t>
  </si>
  <si>
    <t>林1-20-2</t>
  </si>
  <si>
    <t>日本基督教団船越教会</t>
  </si>
  <si>
    <t>三宅 宣幸</t>
  </si>
  <si>
    <t>船越町7-60</t>
  </si>
  <si>
    <t>日本基督教団横須賀上町教会</t>
  </si>
  <si>
    <t>杉野 信一郎</t>
  </si>
  <si>
    <t>上町2-43</t>
  </si>
  <si>
    <t>日本基督教団横須賀小川町教会</t>
  </si>
  <si>
    <t>寺田 信一</t>
  </si>
  <si>
    <t>小川町7</t>
  </si>
  <si>
    <t>日本キリスト教会</t>
  </si>
  <si>
    <t>日本キリスト教会横須賀教会</t>
  </si>
  <si>
    <t>篠塚 予奈</t>
  </si>
  <si>
    <t>深田台29</t>
  </si>
  <si>
    <t>在日大韓基督教会</t>
  </si>
  <si>
    <t>在日大韓基督教横須賀教会</t>
  </si>
  <si>
    <t>金 迅野</t>
  </si>
  <si>
    <t>日の出町2-1</t>
  </si>
  <si>
    <t>日本バプテスト連盟</t>
  </si>
  <si>
    <t>横須賀長沢キリスト教会</t>
  </si>
  <si>
    <t>大須賀 真人</t>
  </si>
  <si>
    <t>長沢1-31-1</t>
  </si>
  <si>
    <t>日本バプテスト同盟</t>
  </si>
  <si>
    <t>日本バプテスト同盟関東学院教会</t>
  </si>
  <si>
    <t>髙橋 彰</t>
  </si>
  <si>
    <t>追浜本町1-12-1</t>
  </si>
  <si>
    <t>ｾﾞ･ｴﾊﾞﾝｾﾞﾘｶﾙ･ｱﾗｲｱﾝｽ･ﾐｯｼｮﾝ(日本同盟基督教団)</t>
  </si>
  <si>
    <t>ｾﾞ･ｴﾊﾞﾝｾﾞﾘｶﾙ･ｱﾗｲｱﾝｽ･ﾐｯｼｮﾝ（日本同盟基督教団）久里浜福音教会</t>
  </si>
  <si>
    <t>深澤 祐一</t>
  </si>
  <si>
    <t>久里浜3-13-5</t>
  </si>
  <si>
    <t>日本同盟基督教団衣笠中央キリスト教会</t>
  </si>
  <si>
    <t>三浦 峰人</t>
  </si>
  <si>
    <t>小矢部4-8-10</t>
  </si>
  <si>
    <t>日本同盟基督教団横須賀中央教会</t>
  </si>
  <si>
    <t>荒井 隆則</t>
  </si>
  <si>
    <t>上町1-98</t>
  </si>
  <si>
    <t>キリスト教系単立</t>
  </si>
  <si>
    <t>エホバの証人の神奈川県横須賀会衆</t>
  </si>
  <si>
    <t>中島 誠二</t>
  </si>
  <si>
    <t>日の出町3-18</t>
  </si>
  <si>
    <t>ケイデンス・ジャパン</t>
  </si>
  <si>
    <t>ﾌｫｰﾌﾞｽ・ﾀﾞﾝｶﾝ･ﾚｽﾘｰ</t>
  </si>
  <si>
    <t>深田台45-1</t>
  </si>
  <si>
    <t>諸教</t>
  </si>
  <si>
    <t>天理教</t>
  </si>
  <si>
    <t>天理教浦濱分教会</t>
  </si>
  <si>
    <t>岡 照夫</t>
  </si>
  <si>
    <t>三春町2-26</t>
  </si>
  <si>
    <t>天理教神浦分教会</t>
  </si>
  <si>
    <t>耳塚 富士雄</t>
  </si>
  <si>
    <t>坂本町6-26</t>
  </si>
  <si>
    <t>天理教神公郷分教会</t>
  </si>
  <si>
    <t>小沢 春雄</t>
  </si>
  <si>
    <t>上町1-10-2</t>
  </si>
  <si>
    <t>天理教久里浜分教会</t>
  </si>
  <si>
    <t>大野 睦雄</t>
  </si>
  <si>
    <t>久里浜4-17-7</t>
  </si>
  <si>
    <t>天理教此須賀分教会</t>
  </si>
  <si>
    <t>河野 稔</t>
  </si>
  <si>
    <t>太田和4-2415</t>
  </si>
  <si>
    <t>天理教相模船越分教会</t>
  </si>
  <si>
    <t>岡 明美</t>
  </si>
  <si>
    <t>船越町2-16</t>
  </si>
  <si>
    <t>天理教庄横分教会</t>
  </si>
  <si>
    <t>香取 光枝</t>
  </si>
  <si>
    <t>西逸見町1-3-6</t>
  </si>
  <si>
    <t>天理教相洋分教会</t>
  </si>
  <si>
    <t>天明 福代</t>
  </si>
  <si>
    <t>三春町2-36</t>
  </si>
  <si>
    <t>天理教田浦分教会</t>
  </si>
  <si>
    <t>相原 利成</t>
  </si>
  <si>
    <t>船越町7-2</t>
  </si>
  <si>
    <t>天理教都海分教会</t>
  </si>
  <si>
    <t>大野 雅弘</t>
  </si>
  <si>
    <t>根岸町2-8-1</t>
  </si>
  <si>
    <t>天理教西三浦分教会</t>
  </si>
  <si>
    <t>傳寶 宏一</t>
  </si>
  <si>
    <t>本町2-12</t>
  </si>
  <si>
    <t>天理教浜井土分教会</t>
  </si>
  <si>
    <t>小島 輝子</t>
  </si>
  <si>
    <t>富士見町2-33</t>
  </si>
  <si>
    <t>天理教日野鶴分教会</t>
  </si>
  <si>
    <t>牛丸 和哉</t>
  </si>
  <si>
    <t>池上2-5-9</t>
  </si>
  <si>
    <t>天理教武相分教会</t>
  </si>
  <si>
    <t>宮原 俊子</t>
  </si>
  <si>
    <t>浦賀3-11-1</t>
  </si>
  <si>
    <t>天理教本賀分教会</t>
  </si>
  <si>
    <t>玉井 信久</t>
  </si>
  <si>
    <t>深田台76</t>
  </si>
  <si>
    <t>天理教本永須賀分教会</t>
  </si>
  <si>
    <t>永井 崇教</t>
  </si>
  <si>
    <t>大津町3-14-15</t>
  </si>
  <si>
    <t>天理教本永春分教会</t>
  </si>
  <si>
    <t>永井 みさを</t>
  </si>
  <si>
    <t>浦賀5-3-5</t>
  </si>
  <si>
    <t>天理教本浜港分教会</t>
  </si>
  <si>
    <t>片山 好治</t>
  </si>
  <si>
    <t>富士見町3-7</t>
  </si>
  <si>
    <t>天理教本米里分教会</t>
  </si>
  <si>
    <t>鈴木 扶詩子</t>
  </si>
  <si>
    <t>久里浜7-27-3</t>
  </si>
  <si>
    <t>天理教満天分教会</t>
  </si>
  <si>
    <t>白井 康博</t>
  </si>
  <si>
    <t>不入斗町4-6-2</t>
  </si>
  <si>
    <t>天理教三机恵分教会</t>
  </si>
  <si>
    <t>梶谷 由古</t>
  </si>
  <si>
    <t>東逸見町2-27</t>
  </si>
  <si>
    <t>天理教南三浦分教会</t>
  </si>
  <si>
    <t>中臺 健児</t>
  </si>
  <si>
    <t>根岸町2-4-11</t>
  </si>
  <si>
    <t>天理教南横須賀分教会</t>
  </si>
  <si>
    <t>山本 眞二</t>
  </si>
  <si>
    <t>長瀬1-1-20</t>
  </si>
  <si>
    <t>天理教御幸岡分教会</t>
  </si>
  <si>
    <t>飯島 源三郎</t>
  </si>
  <si>
    <t>林4-772</t>
  </si>
  <si>
    <t>天理教御幸鶴分教会</t>
  </si>
  <si>
    <t>三橋 一郎</t>
  </si>
  <si>
    <t>佐野町2-31</t>
  </si>
  <si>
    <t>天理教元島分教会</t>
  </si>
  <si>
    <t>山本 浩一郎</t>
  </si>
  <si>
    <t>追浜町2-18</t>
  </si>
  <si>
    <t>天理教横須賀港分教会</t>
  </si>
  <si>
    <t>大馬 淳一</t>
  </si>
  <si>
    <t>東逸見町2-97</t>
  </si>
  <si>
    <t>天理教米賀浜分教会</t>
  </si>
  <si>
    <t>武政 美弥子</t>
  </si>
  <si>
    <t>日の出町1-3</t>
  </si>
  <si>
    <t>天理教隆慶分教会</t>
  </si>
  <si>
    <t>髙部 正志</t>
  </si>
  <si>
    <t>大津町2-70</t>
  </si>
  <si>
    <t>天理教龍分教会</t>
  </si>
  <si>
    <t>篠田 拓希</t>
  </si>
  <si>
    <t>武2-2-5</t>
  </si>
  <si>
    <t>愛宕神社</t>
  </si>
  <si>
    <t>草山 清和</t>
  </si>
  <si>
    <t>平塚市</t>
  </si>
  <si>
    <t>土屋3963</t>
  </si>
  <si>
    <t>小勝 隆有</t>
  </si>
  <si>
    <t>万田1131</t>
  </si>
  <si>
    <t>粟津神社</t>
  </si>
  <si>
    <t>柳田 崇道</t>
  </si>
  <si>
    <t>出縄436</t>
  </si>
  <si>
    <t>岩戸分神社</t>
  </si>
  <si>
    <t>渡邉 幸臣</t>
  </si>
  <si>
    <t>高根116</t>
  </si>
  <si>
    <t>岡崎神社</t>
  </si>
  <si>
    <t>神代 春彦</t>
  </si>
  <si>
    <t>岡崎3650</t>
  </si>
  <si>
    <t>平塚4-18-1</t>
  </si>
  <si>
    <t>片岡神社</t>
  </si>
  <si>
    <t>片岡1241</t>
  </si>
  <si>
    <t>北金目神社</t>
  </si>
  <si>
    <t>永井 武義</t>
  </si>
  <si>
    <t>北金目3-17-11</t>
  </si>
  <si>
    <t>貴船神社</t>
  </si>
  <si>
    <t>沖津 善弘</t>
  </si>
  <si>
    <t>城所343</t>
  </si>
  <si>
    <t>公所神社</t>
  </si>
  <si>
    <t>公所148</t>
  </si>
  <si>
    <t>千須谷203</t>
  </si>
  <si>
    <t>宅野 順彦</t>
  </si>
  <si>
    <t>長持字古屋敷532</t>
  </si>
  <si>
    <t>土屋227</t>
  </si>
  <si>
    <t>駒形神社</t>
  </si>
  <si>
    <t>岡崎2657</t>
  </si>
  <si>
    <t>横内900</t>
  </si>
  <si>
    <t>蔵王神社</t>
  </si>
  <si>
    <t>万田1029</t>
  </si>
  <si>
    <t>前鳥神社</t>
  </si>
  <si>
    <t>四之宮4-14-26</t>
  </si>
  <si>
    <t>真田神社</t>
  </si>
  <si>
    <t>真田1-4-36</t>
  </si>
  <si>
    <t>真土神社</t>
  </si>
  <si>
    <t>東真土3-5-8</t>
  </si>
  <si>
    <t>南金目869</t>
  </si>
  <si>
    <t>神明神社</t>
  </si>
  <si>
    <t>中堂13-3</t>
  </si>
  <si>
    <t>河内146</t>
  </si>
  <si>
    <t>南原2-16-10</t>
  </si>
  <si>
    <t>諏訪部神社</t>
  </si>
  <si>
    <t>諏訪町28-25</t>
  </si>
  <si>
    <t>相武国造神社</t>
  </si>
  <si>
    <t>万田816</t>
  </si>
  <si>
    <t>徳延神社</t>
  </si>
  <si>
    <t>徳延369</t>
  </si>
  <si>
    <t>西町稲荷神社</t>
  </si>
  <si>
    <t>岩見 紀孝</t>
  </si>
  <si>
    <t>高浜台21-21</t>
  </si>
  <si>
    <t>大島718</t>
  </si>
  <si>
    <t>小鍋島965</t>
  </si>
  <si>
    <t>下島626</t>
  </si>
  <si>
    <t>豊田宮下550-ｲ</t>
  </si>
  <si>
    <t>広川台畑618</t>
  </si>
  <si>
    <t>山下401</t>
  </si>
  <si>
    <t>浜嶽神社</t>
  </si>
  <si>
    <t>花水台30-6</t>
  </si>
  <si>
    <t>日枝神社</t>
  </si>
  <si>
    <t>中原3-20-16</t>
  </si>
  <si>
    <t>寺田縄1180</t>
  </si>
  <si>
    <t>平塚八幡宮</t>
  </si>
  <si>
    <t>浅間町1-6</t>
  </si>
  <si>
    <t>松延神社</t>
  </si>
  <si>
    <t>纒224</t>
  </si>
  <si>
    <t>纒神社</t>
  </si>
  <si>
    <t>纒89</t>
  </si>
  <si>
    <t>三島神社</t>
  </si>
  <si>
    <t>夕陽ケ丘60-27</t>
  </si>
  <si>
    <t>港稲荷神社</t>
  </si>
  <si>
    <t>千石河岸64</t>
  </si>
  <si>
    <t>南金目神社</t>
  </si>
  <si>
    <t>南金目2416</t>
  </si>
  <si>
    <t>中里138</t>
  </si>
  <si>
    <t>八坂神社</t>
  </si>
  <si>
    <t>田村8-21-30</t>
  </si>
  <si>
    <t>纒553</t>
  </si>
  <si>
    <t>入野31</t>
  </si>
  <si>
    <t>飯島488</t>
  </si>
  <si>
    <t>東八幡2-6-5</t>
  </si>
  <si>
    <t>八剱神社</t>
  </si>
  <si>
    <t>根坂間小宮466</t>
  </si>
  <si>
    <t>上吉沢758</t>
  </si>
  <si>
    <t>下吉沢712</t>
  </si>
  <si>
    <t>寄木神社</t>
  </si>
  <si>
    <t>大神2746</t>
  </si>
  <si>
    <t>若宮八幡神社</t>
  </si>
  <si>
    <t>山下198</t>
  </si>
  <si>
    <t>金光教平塚教会</t>
  </si>
  <si>
    <t>奥川 美智雄</t>
  </si>
  <si>
    <t>立野町20-22</t>
  </si>
  <si>
    <t>天台宗</t>
  </si>
  <si>
    <t>延命寺</t>
  </si>
  <si>
    <t>大久保 良尚</t>
  </si>
  <si>
    <t>上吉沢1514</t>
  </si>
  <si>
    <t>海音寺</t>
  </si>
  <si>
    <t>永井 良廣</t>
  </si>
  <si>
    <t>山下3-3-1</t>
  </si>
  <si>
    <t>光明寺</t>
  </si>
  <si>
    <t>大久保 美良</t>
  </si>
  <si>
    <t>南金目896</t>
  </si>
  <si>
    <t>寂静寺</t>
  </si>
  <si>
    <t>南金目1787</t>
  </si>
  <si>
    <t>成願寺</t>
  </si>
  <si>
    <t>赤沼 徳祐</t>
  </si>
  <si>
    <t>入野258</t>
  </si>
  <si>
    <t>荘嚴寺</t>
  </si>
  <si>
    <t>高根2-4-1</t>
  </si>
  <si>
    <t>正蔵院</t>
  </si>
  <si>
    <t>大久保 良彦</t>
  </si>
  <si>
    <t>土屋1749</t>
  </si>
  <si>
    <t>青柳院</t>
  </si>
  <si>
    <t>鈴木 傑心</t>
  </si>
  <si>
    <t>根坂間726</t>
  </si>
  <si>
    <t>大乗院</t>
  </si>
  <si>
    <t>内田 高顯</t>
  </si>
  <si>
    <t>土屋200</t>
  </si>
  <si>
    <t>万田3-9-32</t>
  </si>
  <si>
    <t>長泉寺</t>
  </si>
  <si>
    <t>小山 宜忍</t>
  </si>
  <si>
    <t>河内字宮之前164</t>
  </si>
  <si>
    <t>天宗院</t>
  </si>
  <si>
    <t>池田 正顕</t>
  </si>
  <si>
    <t>土屋4679</t>
  </si>
  <si>
    <t>宝積院</t>
  </si>
  <si>
    <t>澁谷 堯俊</t>
  </si>
  <si>
    <t>上平塚13-34</t>
  </si>
  <si>
    <t>宝珠院</t>
  </si>
  <si>
    <t>根坂間字山王山653</t>
  </si>
  <si>
    <t>萬福寺</t>
  </si>
  <si>
    <t>公所418</t>
  </si>
  <si>
    <t>妙円寺</t>
  </si>
  <si>
    <t>土屋1949</t>
  </si>
  <si>
    <t>明王院</t>
  </si>
  <si>
    <t>遠藤 宏信</t>
  </si>
  <si>
    <t>徳延365</t>
  </si>
  <si>
    <t>上吉沢388</t>
  </si>
  <si>
    <t>明珠院</t>
  </si>
  <si>
    <t>土屋 慈得</t>
  </si>
  <si>
    <t>飯島505</t>
  </si>
  <si>
    <t>竜福院</t>
  </si>
  <si>
    <t>高根2-13-9</t>
  </si>
  <si>
    <t>光圓寺</t>
  </si>
  <si>
    <t>磯嶋 一行</t>
  </si>
  <si>
    <t>立野町8-25</t>
  </si>
  <si>
    <t>十輪寺</t>
  </si>
  <si>
    <t>米山 隆恵</t>
  </si>
  <si>
    <t>大島815</t>
  </si>
  <si>
    <t>田村7-6-47</t>
  </si>
  <si>
    <t>泉蔵院</t>
  </si>
  <si>
    <t>北村 公秀</t>
  </si>
  <si>
    <t>東八幡4-10-12</t>
  </si>
  <si>
    <t>長楽寺</t>
  </si>
  <si>
    <t>高橋 智道</t>
  </si>
  <si>
    <t>札場町15-42</t>
  </si>
  <si>
    <t>般若院</t>
  </si>
  <si>
    <t>大神2076-1</t>
  </si>
  <si>
    <t>芳盛寺</t>
  </si>
  <si>
    <t>高橋 芳照</t>
  </si>
  <si>
    <t>土屋3163</t>
  </si>
  <si>
    <t>薬師院</t>
  </si>
  <si>
    <t>勝田 密雄</t>
  </si>
  <si>
    <t>平塚3-14-18</t>
  </si>
  <si>
    <t>蓮光寺</t>
  </si>
  <si>
    <t>中谷 啓秀</t>
  </si>
  <si>
    <t>榎木町9-9</t>
  </si>
  <si>
    <t>真言宗東寺派</t>
  </si>
  <si>
    <t>大光院</t>
  </si>
  <si>
    <t>柳川 洋賢</t>
  </si>
  <si>
    <t>岡崎2842</t>
  </si>
  <si>
    <t>平等寺</t>
  </si>
  <si>
    <t>栁川 洋一</t>
  </si>
  <si>
    <t>豊田平等寺369</t>
  </si>
  <si>
    <t>不動院</t>
  </si>
  <si>
    <t>大川 信水</t>
  </si>
  <si>
    <t>北金目2-14-16</t>
  </si>
  <si>
    <t>東寺真言宗</t>
  </si>
  <si>
    <t>神田寺</t>
  </si>
  <si>
    <t>大橋 啓人</t>
  </si>
  <si>
    <t>横内455</t>
  </si>
  <si>
    <t>金剛頂寺</t>
  </si>
  <si>
    <t>松岡 晋</t>
  </si>
  <si>
    <t>岡崎3152</t>
  </si>
  <si>
    <t>遍照寺</t>
  </si>
  <si>
    <t>大島1285</t>
  </si>
  <si>
    <t>宝善院</t>
  </si>
  <si>
    <t>松下 弓月</t>
  </si>
  <si>
    <t>平塚1-23-16</t>
  </si>
  <si>
    <t>真言宗大師派</t>
  </si>
  <si>
    <t>高林寺</t>
  </si>
  <si>
    <t>足立 眞一</t>
  </si>
  <si>
    <t>四之宮3-2-51</t>
  </si>
  <si>
    <t>大寺</t>
  </si>
  <si>
    <t>四之宮3-14-18</t>
  </si>
  <si>
    <t>大會寺</t>
  </si>
  <si>
    <t>阿陀寺</t>
  </si>
  <si>
    <t>斎藤 匡念</t>
  </si>
  <si>
    <t>平塚3-5-23</t>
  </si>
  <si>
    <t>阿弥陀寺</t>
  </si>
  <si>
    <t>円徳寺</t>
  </si>
  <si>
    <t>吉永 和彦</t>
  </si>
  <si>
    <t>岡崎3156</t>
  </si>
  <si>
    <t>海寳寺</t>
  </si>
  <si>
    <t>池田 敬道</t>
  </si>
  <si>
    <t>幸町26-21</t>
  </si>
  <si>
    <t>正安寺</t>
  </si>
  <si>
    <t>酒井 侑成</t>
  </si>
  <si>
    <t>大神2045</t>
  </si>
  <si>
    <t>浄信寺</t>
  </si>
  <si>
    <t>吉田 健一</t>
  </si>
  <si>
    <t>長持337</t>
  </si>
  <si>
    <t>晴雲寺</t>
  </si>
  <si>
    <t>塚田 勝宣</t>
  </si>
  <si>
    <t>立野町6-5</t>
  </si>
  <si>
    <t>善徳寺</t>
  </si>
  <si>
    <t>三荒 弘道</t>
  </si>
  <si>
    <t>南原3-2-7</t>
  </si>
  <si>
    <t>宗源寺</t>
  </si>
  <si>
    <t>纒314</t>
  </si>
  <si>
    <t>小川 勉道</t>
  </si>
  <si>
    <t>中原2-20-18</t>
  </si>
  <si>
    <t>大念寺</t>
  </si>
  <si>
    <t>小山 英紹</t>
  </si>
  <si>
    <t>四之宮5-3-36</t>
  </si>
  <si>
    <t>一 眞光</t>
  </si>
  <si>
    <t>東八幡1-17-32</t>
  </si>
  <si>
    <t>法藏院</t>
  </si>
  <si>
    <t>豊田本郷字本宿1727</t>
  </si>
  <si>
    <t>薬王寺</t>
  </si>
  <si>
    <t>塚田 善厚</t>
  </si>
  <si>
    <t>纒1-30-25</t>
  </si>
  <si>
    <t>霊山寺</t>
  </si>
  <si>
    <t>江島 尚俊</t>
  </si>
  <si>
    <t>下島384</t>
  </si>
  <si>
    <t>淨眞寺</t>
  </si>
  <si>
    <t>秦 秀人</t>
  </si>
  <si>
    <t>南金目727-4</t>
  </si>
  <si>
    <t>真福寺</t>
  </si>
  <si>
    <t>秦 康昭</t>
  </si>
  <si>
    <t>馬入本町14-10</t>
  </si>
  <si>
    <t>教善寺</t>
  </si>
  <si>
    <t>石田 時和</t>
  </si>
  <si>
    <t>平塚3-13-18</t>
  </si>
  <si>
    <t>慶徳寺</t>
  </si>
  <si>
    <t>吉川 征治</t>
  </si>
  <si>
    <t>小鍋島924</t>
  </si>
  <si>
    <t>西福寺</t>
  </si>
  <si>
    <t>鵜池 一成</t>
  </si>
  <si>
    <t>横内2291</t>
  </si>
  <si>
    <t>正福寺</t>
  </si>
  <si>
    <t>木村 企秀</t>
  </si>
  <si>
    <t>大島813</t>
  </si>
  <si>
    <t>鈴木 貴幸</t>
  </si>
  <si>
    <t>豊田本郷1760</t>
  </si>
  <si>
    <t>妙楽寺</t>
  </si>
  <si>
    <t>田村5-13-2</t>
  </si>
  <si>
    <t>臨済宗南禅寺派</t>
  </si>
  <si>
    <t>少林寺</t>
  </si>
  <si>
    <t>奥山 博充</t>
  </si>
  <si>
    <t>入野126</t>
  </si>
  <si>
    <t>安養寺</t>
  </si>
  <si>
    <t>三浦 祥玄</t>
  </si>
  <si>
    <t>南金目1753-4</t>
  </si>
  <si>
    <t>吉祥院</t>
  </si>
  <si>
    <t>小泉 晃一</t>
  </si>
  <si>
    <t>寺田縄66-1</t>
  </si>
  <si>
    <t>興渕寺</t>
  </si>
  <si>
    <t>松井 憲道</t>
  </si>
  <si>
    <t>小鍋島1153</t>
  </si>
  <si>
    <t>紫雲寺</t>
  </si>
  <si>
    <t>伊藤 恵光</t>
  </si>
  <si>
    <t>岡崎3910</t>
  </si>
  <si>
    <t>新美 徳芳</t>
  </si>
  <si>
    <t>豊田打間木419</t>
  </si>
  <si>
    <t>松岩寺</t>
  </si>
  <si>
    <t>武井 定光</t>
  </si>
  <si>
    <t>下吉沢614</t>
  </si>
  <si>
    <t>淨心寺</t>
  </si>
  <si>
    <t>栃堀 真久</t>
  </si>
  <si>
    <t>城所375</t>
  </si>
  <si>
    <t>善福寺</t>
  </si>
  <si>
    <t>長尾 光昭</t>
  </si>
  <si>
    <t>広川691</t>
  </si>
  <si>
    <t>宗真寺</t>
  </si>
  <si>
    <t>西澤 智秀</t>
  </si>
  <si>
    <t>大島913</t>
  </si>
  <si>
    <t>大智寺</t>
  </si>
  <si>
    <t>長尾 徳順</t>
  </si>
  <si>
    <t>豊田宮下山ノ越800</t>
  </si>
  <si>
    <t>天徳寺</t>
  </si>
  <si>
    <t>三浦 玄苗</t>
  </si>
  <si>
    <t>真田1-14-1</t>
  </si>
  <si>
    <t>福田寺</t>
  </si>
  <si>
    <t>皆木 克丸</t>
  </si>
  <si>
    <t>入野12</t>
  </si>
  <si>
    <t>普門院</t>
  </si>
  <si>
    <t>小西 正純</t>
  </si>
  <si>
    <t>大島1361</t>
  </si>
  <si>
    <t>豊川寺</t>
  </si>
  <si>
    <t>大西 千夏子</t>
  </si>
  <si>
    <t>明石町16-21</t>
  </si>
  <si>
    <t>竹澤 光史</t>
  </si>
  <si>
    <t>岡崎346</t>
  </si>
  <si>
    <t>明源寺</t>
  </si>
  <si>
    <t>安藤 壽英</t>
  </si>
  <si>
    <t>岡崎298</t>
  </si>
  <si>
    <t>龍雲寺</t>
  </si>
  <si>
    <t>安本 弘隆</t>
  </si>
  <si>
    <t>千須谷228</t>
  </si>
  <si>
    <t>龍源寺</t>
  </si>
  <si>
    <t>山室 良雄</t>
  </si>
  <si>
    <t>片岡811</t>
  </si>
  <si>
    <t>如来教</t>
  </si>
  <si>
    <t>月湘庵</t>
  </si>
  <si>
    <t>末廣 澄月</t>
  </si>
  <si>
    <t>菫平7-28</t>
  </si>
  <si>
    <t>円隆寺</t>
  </si>
  <si>
    <t>齋藤 良昌</t>
  </si>
  <si>
    <t>東真土4-10-25</t>
  </si>
  <si>
    <t>中原 善雄</t>
  </si>
  <si>
    <t>中原1-23-16</t>
  </si>
  <si>
    <t>善性寺</t>
  </si>
  <si>
    <t>竹内 法之</t>
  </si>
  <si>
    <t>夕陽ケ丘45-6</t>
  </si>
  <si>
    <t>芝崎 惠就</t>
  </si>
  <si>
    <t>豊田小嶺322</t>
  </si>
  <si>
    <t>宗信寺</t>
  </si>
  <si>
    <t>岡 貞潤</t>
  </si>
  <si>
    <t>南金目2336</t>
  </si>
  <si>
    <t>貞性寺</t>
  </si>
  <si>
    <t>久保田 尭隆</t>
  </si>
  <si>
    <t>田村5-21-26</t>
  </si>
  <si>
    <t>法傳寺</t>
  </si>
  <si>
    <t>内山 裕明</t>
  </si>
  <si>
    <t>南金目867</t>
  </si>
  <si>
    <t>妙安寺</t>
  </si>
  <si>
    <t>守屋 宣覚</t>
  </si>
  <si>
    <t>平塚1-12-15</t>
  </si>
  <si>
    <t>妙行寺</t>
  </si>
  <si>
    <t>杉山 海誠</t>
  </si>
  <si>
    <t>御殿1-23-21</t>
  </si>
  <si>
    <t>妙現寺</t>
  </si>
  <si>
    <t>福嶋 冴淘</t>
  </si>
  <si>
    <t>南金目170</t>
  </si>
  <si>
    <t>隆盛寺</t>
  </si>
  <si>
    <t>藤井 淨成</t>
  </si>
  <si>
    <t>大神2160</t>
  </si>
  <si>
    <t>蓮昭寺</t>
  </si>
  <si>
    <t>上谷 泰雅</t>
  </si>
  <si>
    <t>寺田縄1277</t>
  </si>
  <si>
    <t>蓮大寺</t>
  </si>
  <si>
    <t>高橋 通良</t>
  </si>
  <si>
    <t>出縄424</t>
  </si>
  <si>
    <t>大経寺</t>
  </si>
  <si>
    <t>横山 雄玉</t>
  </si>
  <si>
    <t>南豊田194</t>
  </si>
  <si>
    <t>上行寺</t>
  </si>
  <si>
    <t>澤田 三義</t>
  </si>
  <si>
    <t>西真土1-3-50</t>
  </si>
  <si>
    <t>常安寺</t>
  </si>
  <si>
    <t>小泉 晴俊</t>
  </si>
  <si>
    <t>田村6-24-11</t>
  </si>
  <si>
    <t>乗蓮寺</t>
  </si>
  <si>
    <t>松下 増俊</t>
  </si>
  <si>
    <t>札場町15-26</t>
  </si>
  <si>
    <t>眞寺</t>
  </si>
  <si>
    <t>大神5-29-2</t>
  </si>
  <si>
    <t>眞芳寺</t>
  </si>
  <si>
    <t>要法寺</t>
  </si>
  <si>
    <t>守屋 宣成</t>
  </si>
  <si>
    <t>平塚4-10-10</t>
  </si>
  <si>
    <t>日本基督教団平塚教会</t>
  </si>
  <si>
    <t>北川 一明</t>
  </si>
  <si>
    <t>見附町6-18</t>
  </si>
  <si>
    <t>日本基督教団平塚中原教会</t>
  </si>
  <si>
    <t>下田 洋一</t>
  </si>
  <si>
    <t>御殿3-14-3</t>
  </si>
  <si>
    <t>日本基督教団平塚富士見町教会</t>
  </si>
  <si>
    <t>児玉 義也</t>
  </si>
  <si>
    <t>富士見町2-15</t>
  </si>
  <si>
    <t>日本キリスト教会湘南教会</t>
  </si>
  <si>
    <t>澤谷 由美子</t>
  </si>
  <si>
    <t>八重咲町11-14</t>
  </si>
  <si>
    <t>日本聖契キリスト教団</t>
  </si>
  <si>
    <t>平塚聖契キリスト教会</t>
  </si>
  <si>
    <t>勝俣 慶信</t>
  </si>
  <si>
    <t>松風町7-9</t>
  </si>
  <si>
    <t>平塚バプテスト教会</t>
  </si>
  <si>
    <t>平野 健治</t>
  </si>
  <si>
    <t>豊原町4-5</t>
  </si>
  <si>
    <t>ふじみキリスト教会</t>
  </si>
  <si>
    <t>犬塚 契</t>
  </si>
  <si>
    <t>真田4-26-8</t>
  </si>
  <si>
    <t>エホバの証人の神奈川県平塚伊勢原会衆</t>
  </si>
  <si>
    <t>楢󠄀原 基章</t>
  </si>
  <si>
    <t>四之宮2-19-33</t>
  </si>
  <si>
    <t>楢原 基章</t>
  </si>
  <si>
    <t>湘南グレースチャペル</t>
  </si>
  <si>
    <t>髙橋 一樹</t>
  </si>
  <si>
    <t>唐ケ原152-1</t>
  </si>
  <si>
    <t>平塚福音キリスト教会</t>
  </si>
  <si>
    <t>山口 耕司</t>
  </si>
  <si>
    <t>夕陽ケ丘31-8</t>
  </si>
  <si>
    <t>聖イエス会</t>
  </si>
  <si>
    <t>聖イエス会神言教会</t>
  </si>
  <si>
    <t>松﨑 真慈</t>
  </si>
  <si>
    <t>山下1-32-27</t>
  </si>
  <si>
    <t>天理教上一陽分教会</t>
  </si>
  <si>
    <t>須藤 一徳</t>
  </si>
  <si>
    <t>代官町12-15</t>
  </si>
  <si>
    <t>天理教上平塚分教会</t>
  </si>
  <si>
    <t>岩崎 房雄</t>
  </si>
  <si>
    <t>夕陽ケ丘7-15</t>
  </si>
  <si>
    <t>天理教相模川分教会</t>
  </si>
  <si>
    <t>石川 誠</t>
  </si>
  <si>
    <t>札場町32-15</t>
  </si>
  <si>
    <t>天理教神相分教会</t>
  </si>
  <si>
    <t>恩蔵 昭</t>
  </si>
  <si>
    <t>平塚2-25-13</t>
  </si>
  <si>
    <t>天理教高須賀分教会</t>
  </si>
  <si>
    <t>田中 富造</t>
  </si>
  <si>
    <t>中原3-7-28</t>
  </si>
  <si>
    <t>天理教鶴湘南分教会</t>
  </si>
  <si>
    <t>坂上 俊英</t>
  </si>
  <si>
    <t>万田505-4</t>
  </si>
  <si>
    <t>天理教本國平分教会</t>
  </si>
  <si>
    <t>相田 由孝</t>
  </si>
  <si>
    <t>虹ケ浜24-9</t>
  </si>
  <si>
    <t>天理教本平塚分教会</t>
  </si>
  <si>
    <t>池田 友久</t>
  </si>
  <si>
    <t>豊原町19-5</t>
  </si>
  <si>
    <t>甘縄神明神社</t>
  </si>
  <si>
    <t>小坂 周防</t>
  </si>
  <si>
    <t>鎌倉市</t>
  </si>
  <si>
    <t>長谷1-12-1</t>
  </si>
  <si>
    <t>厳島神社</t>
  </si>
  <si>
    <t>石井 直樹</t>
  </si>
  <si>
    <t>小袋谷2-13-21</t>
  </si>
  <si>
    <t>稲荷神社</t>
  </si>
  <si>
    <t>岩瀬1399</t>
  </si>
  <si>
    <t>台1795</t>
  </si>
  <si>
    <t>手広1412</t>
  </si>
  <si>
    <t>鎌倉山神社</t>
  </si>
  <si>
    <t>菊地 晋介</t>
  </si>
  <si>
    <t>鎌倉山2-27-11</t>
  </si>
  <si>
    <t>北野神社</t>
  </si>
  <si>
    <t>山崎736</t>
  </si>
  <si>
    <t>熊野新宮</t>
  </si>
  <si>
    <t>極楽寺2-3-1</t>
  </si>
  <si>
    <t>浄明寺64</t>
  </si>
  <si>
    <t>大船2032-1・2033</t>
  </si>
  <si>
    <t>手広5-1-1</t>
  </si>
  <si>
    <t>五所神社</t>
  </si>
  <si>
    <t>材木座2-9-1</t>
  </si>
  <si>
    <t>寺分1-10-12</t>
  </si>
  <si>
    <t>子守神社</t>
  </si>
  <si>
    <t>笛田5-34-6</t>
  </si>
  <si>
    <t>小動神社</t>
  </si>
  <si>
    <t>腰越2-9-12</t>
  </si>
  <si>
    <t>坂ノ下4-9</t>
  </si>
  <si>
    <t>梶原1-12-27</t>
  </si>
  <si>
    <t>佐助稲荷神社</t>
  </si>
  <si>
    <t>佐助2-22-12</t>
  </si>
  <si>
    <t>塩釜神社</t>
  </si>
  <si>
    <t>台1-5-15</t>
  </si>
  <si>
    <t>十二所285</t>
  </si>
  <si>
    <t>台4-20-16</t>
  </si>
  <si>
    <t>岡本2-6-24</t>
  </si>
  <si>
    <t>水天宮</t>
  </si>
  <si>
    <t>台5-3-7</t>
  </si>
  <si>
    <t>植木96</t>
  </si>
  <si>
    <t>巽神社</t>
  </si>
  <si>
    <t>扇ガ谷1-9-7</t>
  </si>
  <si>
    <t>天満宮</t>
  </si>
  <si>
    <t>上町屋山根616</t>
  </si>
  <si>
    <t>白山神社</t>
  </si>
  <si>
    <t>今泉3-13-20</t>
  </si>
  <si>
    <t>台2044</t>
  </si>
  <si>
    <t>蛭子神社</t>
  </si>
  <si>
    <t>小町2-23-3</t>
  </si>
  <si>
    <t>三嶋神社</t>
  </si>
  <si>
    <t>笛田3-31-1</t>
  </si>
  <si>
    <t>大町1-11-22</t>
  </si>
  <si>
    <t>常盤534</t>
  </si>
  <si>
    <t>山ノ内585</t>
  </si>
  <si>
    <t>八坂大神</t>
  </si>
  <si>
    <t>扇ガ谷1-13-45</t>
  </si>
  <si>
    <t>龍口明神社</t>
  </si>
  <si>
    <t>相原 圀彦</t>
  </si>
  <si>
    <t>腰越字蟹田谷1548-4</t>
  </si>
  <si>
    <t>神社神道系単立</t>
  </si>
  <si>
    <t>荏柄天神社</t>
  </si>
  <si>
    <t>吉田 茂穗</t>
  </si>
  <si>
    <t>二階堂74</t>
  </si>
  <si>
    <t>鎌倉宮</t>
  </si>
  <si>
    <t>小岩 裕一</t>
  </si>
  <si>
    <t>二階堂154</t>
  </si>
  <si>
    <t>葛原岡神社</t>
  </si>
  <si>
    <t>神谷 健一郎</t>
  </si>
  <si>
    <t>梶原5-9-1</t>
  </si>
  <si>
    <t>白旗神社</t>
  </si>
  <si>
    <t>西御門2-1-24</t>
  </si>
  <si>
    <t>鶴岡八幡宮</t>
  </si>
  <si>
    <t>雪ノ下2-1-31</t>
  </si>
  <si>
    <t>西御門1-13-1</t>
  </si>
  <si>
    <t>神道大教参霊会</t>
  </si>
  <si>
    <t>矢島 守雄</t>
  </si>
  <si>
    <t>台4-13-4</t>
  </si>
  <si>
    <t>金光教鎌倉稲村ガ崎教会</t>
  </si>
  <si>
    <t>櫻井 信一</t>
  </si>
  <si>
    <t>稲村ガ崎4-6-15</t>
  </si>
  <si>
    <t>金光教鎌倉教会</t>
  </si>
  <si>
    <t>原田 敏</t>
  </si>
  <si>
    <t>由比ガ浜2-7-25</t>
  </si>
  <si>
    <t>杉本寺</t>
  </si>
  <si>
    <t>靜川 慈祐</t>
  </si>
  <si>
    <t>二階堂903</t>
  </si>
  <si>
    <t>宝戒寺</t>
  </si>
  <si>
    <t>靜川 慈昭</t>
  </si>
  <si>
    <t>小町3-5-22</t>
  </si>
  <si>
    <t>青蓮寺</t>
  </si>
  <si>
    <t>星野 芳秀</t>
  </si>
  <si>
    <t>手広5-1-8</t>
  </si>
  <si>
    <t>服部 融信</t>
  </si>
  <si>
    <t>梶原1-9-2</t>
  </si>
  <si>
    <t>寺分1-7-6</t>
  </si>
  <si>
    <t>真言宗泉涌寺派</t>
  </si>
  <si>
    <t>覚園寺</t>
  </si>
  <si>
    <t>仲田 順昌</t>
  </si>
  <si>
    <t>二階堂421</t>
  </si>
  <si>
    <t>浄光明寺</t>
  </si>
  <si>
    <t>大三輪 龍哉</t>
  </si>
  <si>
    <t>扇ガ谷2-12-1</t>
  </si>
  <si>
    <t>仲田 晶弘</t>
  </si>
  <si>
    <t>十二所32</t>
  </si>
  <si>
    <t>円光寺</t>
  </si>
  <si>
    <t>五島 弘章</t>
  </si>
  <si>
    <t>植木549</t>
  </si>
  <si>
    <t>玉泉寺</t>
  </si>
  <si>
    <t>糸澤 良全</t>
  </si>
  <si>
    <t>玉縄3-687</t>
  </si>
  <si>
    <t>成就院</t>
  </si>
  <si>
    <t>原 公泰</t>
  </si>
  <si>
    <t>極楽寺1-1-5</t>
  </si>
  <si>
    <t>淨泉寺</t>
  </si>
  <si>
    <t>井上 全信</t>
  </si>
  <si>
    <t>腰越2-10-7</t>
  </si>
  <si>
    <t>泉光院</t>
  </si>
  <si>
    <t>泉 弘栄</t>
  </si>
  <si>
    <t>上町屋631</t>
  </si>
  <si>
    <t>多聞院</t>
  </si>
  <si>
    <t>浅井 泰法</t>
  </si>
  <si>
    <t>大船2035</t>
  </si>
  <si>
    <t>補陀洛寺</t>
  </si>
  <si>
    <t>黒沢 全匡</t>
  </si>
  <si>
    <t>材木座6-7-31</t>
  </si>
  <si>
    <t>井上 全康</t>
  </si>
  <si>
    <t>腰越5-13-17</t>
  </si>
  <si>
    <t>満福寺</t>
  </si>
  <si>
    <t>岡澤 嘉春</t>
  </si>
  <si>
    <t>腰越2-4-8</t>
  </si>
  <si>
    <t>安養院</t>
  </si>
  <si>
    <t>鳥居 淳生</t>
  </si>
  <si>
    <t>大町3-1-22</t>
  </si>
  <si>
    <t>英勝寺</t>
  </si>
  <si>
    <t>柳田 法導</t>
  </si>
  <si>
    <t>扇ガ谷1-16-3</t>
  </si>
  <si>
    <t>當間 伸行</t>
  </si>
  <si>
    <t>材木座1-1-3</t>
  </si>
  <si>
    <t>九品寺</t>
  </si>
  <si>
    <t>鹿谷 尚孝</t>
  </si>
  <si>
    <t>材木座5-13-14</t>
  </si>
  <si>
    <t>高徳院</t>
  </si>
  <si>
    <t>佐藤 孝雄</t>
  </si>
  <si>
    <t>長谷4-2-28</t>
  </si>
  <si>
    <t>柴田 哲彦</t>
  </si>
  <si>
    <t>材木座6-17-19</t>
  </si>
  <si>
    <t>西念寺</t>
  </si>
  <si>
    <t>冨田 浩雅</t>
  </si>
  <si>
    <t>岩瀬1527</t>
  </si>
  <si>
    <t>成實 洋史</t>
  </si>
  <si>
    <t>今泉4-5-1</t>
  </si>
  <si>
    <t>千手院</t>
  </si>
  <si>
    <t>山崎 純一</t>
  </si>
  <si>
    <t>材木座6-12-8</t>
  </si>
  <si>
    <t>大長寺</t>
  </si>
  <si>
    <t>嵒瀨 弘昌</t>
  </si>
  <si>
    <t>岩瀬1464</t>
  </si>
  <si>
    <t>貞宗寺</t>
  </si>
  <si>
    <t>山口 円誉</t>
  </si>
  <si>
    <t>植木656</t>
  </si>
  <si>
    <t>乘院</t>
  </si>
  <si>
    <t>吉田 佳之</t>
  </si>
  <si>
    <t>材木座6-16-15</t>
  </si>
  <si>
    <t>蓮乘院</t>
  </si>
  <si>
    <t>金剛寺</t>
  </si>
  <si>
    <t>武田 敬明</t>
  </si>
  <si>
    <t>玉縄2-11-3</t>
  </si>
  <si>
    <t>成福寺</t>
  </si>
  <si>
    <t>太田 俊輝</t>
  </si>
  <si>
    <t>小袋谷2-13-33</t>
  </si>
  <si>
    <t>教恩寺</t>
  </si>
  <si>
    <t>東山 勉</t>
  </si>
  <si>
    <t>大町1-4-29</t>
  </si>
  <si>
    <t>光照寺</t>
  </si>
  <si>
    <t>河野 憲胤</t>
  </si>
  <si>
    <t>山ノ内827</t>
  </si>
  <si>
    <t>光触寺</t>
  </si>
  <si>
    <t>小熊 大治</t>
  </si>
  <si>
    <t>十二所793</t>
  </si>
  <si>
    <t>向福寺</t>
  </si>
  <si>
    <t>藤岡 隆行</t>
  </si>
  <si>
    <t>材木座3-15-13</t>
  </si>
  <si>
    <t>別願寺</t>
  </si>
  <si>
    <t>藤澤 清孝</t>
  </si>
  <si>
    <t>大町1-11-4</t>
  </si>
  <si>
    <t>来迎寺</t>
  </si>
  <si>
    <t>林 学</t>
  </si>
  <si>
    <t>西御門1-11-1</t>
  </si>
  <si>
    <t>藤沢 清孝</t>
  </si>
  <si>
    <t>材木座2-9-19</t>
  </si>
  <si>
    <t>圓應寺</t>
  </si>
  <si>
    <t>今井 耕龍</t>
  </si>
  <si>
    <t>山ノ内1543</t>
  </si>
  <si>
    <t>回春院</t>
  </si>
  <si>
    <t>高井 志郎</t>
  </si>
  <si>
    <t>山ノ内67</t>
  </si>
  <si>
    <t>海寺</t>
  </si>
  <si>
    <t>吉田 元光</t>
  </si>
  <si>
    <t>扇ガ谷4-18-8</t>
  </si>
  <si>
    <t>海蔵寺</t>
  </si>
  <si>
    <t>華院</t>
  </si>
  <si>
    <t>吉田 正道</t>
  </si>
  <si>
    <t>山ノ内140</t>
  </si>
  <si>
    <t>華蔵院</t>
  </si>
  <si>
    <t>建長寺</t>
  </si>
  <si>
    <t>酒井 康充</t>
  </si>
  <si>
    <t>山ノ内8</t>
  </si>
  <si>
    <t>今泉寺</t>
  </si>
  <si>
    <t>宇田川 進一</t>
  </si>
  <si>
    <t>今泉3-12-1</t>
  </si>
  <si>
    <t>壽福寺</t>
  </si>
  <si>
    <t>内田 光一</t>
  </si>
  <si>
    <t>扇ガ谷1-17-7</t>
  </si>
  <si>
    <t>正統院</t>
  </si>
  <si>
    <t>雪 文庸</t>
  </si>
  <si>
    <t>山ノ内92</t>
  </si>
  <si>
    <t>淨妙寺</t>
  </si>
  <si>
    <t>甲賀 直浩</t>
  </si>
  <si>
    <t>浄明寺3-8-31</t>
  </si>
  <si>
    <t>常楽寺</t>
  </si>
  <si>
    <t>雪 文良</t>
  </si>
  <si>
    <t>大船5-8-29</t>
  </si>
  <si>
    <t>禅居院</t>
  </si>
  <si>
    <t>山名田 紹山</t>
  </si>
  <si>
    <t>山ノ内1534</t>
  </si>
  <si>
    <t>長壽寺</t>
  </si>
  <si>
    <t>浅見 紹明</t>
  </si>
  <si>
    <t>山ノ内1503</t>
  </si>
  <si>
    <t>天源院</t>
  </si>
  <si>
    <t>安藤 恵隆</t>
  </si>
  <si>
    <t>山ノ内85</t>
  </si>
  <si>
    <t>同契院</t>
  </si>
  <si>
    <t>山ノ内30</t>
  </si>
  <si>
    <t>報国寺</t>
  </si>
  <si>
    <t>菅原 義功</t>
  </si>
  <si>
    <t>浄明寺2-7-4</t>
  </si>
  <si>
    <t>村上 隆英</t>
  </si>
  <si>
    <t>山ノ内104</t>
  </si>
  <si>
    <t>妙高院</t>
  </si>
  <si>
    <t>浅井 正悟</t>
  </si>
  <si>
    <t>山ノ内9</t>
  </si>
  <si>
    <t>明月院</t>
  </si>
  <si>
    <t>佐藤 誠治</t>
  </si>
  <si>
    <t>山ノ内189</t>
  </si>
  <si>
    <t>龍峰院</t>
  </si>
  <si>
    <t>峯藤 徳幸</t>
  </si>
  <si>
    <t>山ノ内101</t>
  </si>
  <si>
    <t>雲頂</t>
  </si>
  <si>
    <t>殿谷 大秀</t>
  </si>
  <si>
    <t>山ノ内479</t>
  </si>
  <si>
    <t>雲頂菴</t>
  </si>
  <si>
    <t>円覚寺</t>
  </si>
  <si>
    <t>横田 南嶺</t>
  </si>
  <si>
    <t>山ノ内409</t>
  </si>
  <si>
    <t>黄梅院</t>
  </si>
  <si>
    <t>内田 一道</t>
  </si>
  <si>
    <t>山ノ内428</t>
  </si>
  <si>
    <t>臥龍菴</t>
  </si>
  <si>
    <t>山ノ内410</t>
  </si>
  <si>
    <t>歸源院</t>
  </si>
  <si>
    <t>富澤 宗実</t>
  </si>
  <si>
    <t>山ノ内416</t>
  </si>
  <si>
    <t>桂昌</t>
  </si>
  <si>
    <t>須原 安仁</t>
  </si>
  <si>
    <t>山ノ内490</t>
  </si>
  <si>
    <t>桂昌庵</t>
  </si>
  <si>
    <t>済蔭庵</t>
  </si>
  <si>
    <t>山ノ内448</t>
  </si>
  <si>
    <t>德庵</t>
  </si>
  <si>
    <t>齋藤 清健</t>
  </si>
  <si>
    <t>山ノ内444</t>
  </si>
  <si>
    <t>寿德庵</t>
  </si>
  <si>
    <t>昌清院</t>
  </si>
  <si>
    <t>蓮沼 直應</t>
  </si>
  <si>
    <t>山崎1482</t>
  </si>
  <si>
    <t>浄智寺</t>
  </si>
  <si>
    <t>朝比奈 惠温</t>
  </si>
  <si>
    <t>山ノ内1402</t>
  </si>
  <si>
    <t>正伝庵</t>
  </si>
  <si>
    <t>山ノ内439</t>
  </si>
  <si>
    <t>松嶺院</t>
  </si>
  <si>
    <t>輿 俊道</t>
  </si>
  <si>
    <t>山ノ内453</t>
  </si>
  <si>
    <t>瑞泉寺</t>
  </si>
  <si>
    <t>大下 一真</t>
  </si>
  <si>
    <t>二階堂710</t>
  </si>
  <si>
    <t>藏六</t>
  </si>
  <si>
    <t>山ノ内446</t>
  </si>
  <si>
    <t>藏六菴</t>
  </si>
  <si>
    <t>續灯</t>
  </si>
  <si>
    <t>山ノ内431</t>
  </si>
  <si>
    <t>續灯庵</t>
  </si>
  <si>
    <t>大慶寺</t>
  </si>
  <si>
    <t>磯谷 恵覚</t>
  </si>
  <si>
    <t>寺分1-5-8</t>
  </si>
  <si>
    <t>伝宗庵</t>
  </si>
  <si>
    <t>山ノ内483</t>
  </si>
  <si>
    <t>東慶寺</t>
  </si>
  <si>
    <t>井上 陽司</t>
  </si>
  <si>
    <t>山ノ内1367</t>
  </si>
  <si>
    <t>如意庵</t>
  </si>
  <si>
    <t>星野 貴幸</t>
  </si>
  <si>
    <t>山ノ内425</t>
  </si>
  <si>
    <t>白雲庵</t>
  </si>
  <si>
    <t>磯谷 晴雄</t>
  </si>
  <si>
    <t>山ノ内462</t>
  </si>
  <si>
    <t>佛日庵</t>
  </si>
  <si>
    <t>髙畠 宗一</t>
  </si>
  <si>
    <t>山ノ内434</t>
  </si>
  <si>
    <t>富陽</t>
  </si>
  <si>
    <t>近藤 有円</t>
  </si>
  <si>
    <t>山ノ内458</t>
  </si>
  <si>
    <t>富陽庵</t>
  </si>
  <si>
    <t>龍隠庵</t>
  </si>
  <si>
    <t>太田 寛十郎</t>
  </si>
  <si>
    <t>山ノ内450</t>
  </si>
  <si>
    <t>大船観音寺</t>
  </si>
  <si>
    <t>渡辺 啓司</t>
  </si>
  <si>
    <t>岡本1-5-3</t>
  </si>
  <si>
    <t>黙仙寺</t>
  </si>
  <si>
    <t>阿部 慈薫</t>
  </si>
  <si>
    <t>岡本1-4-1</t>
  </si>
  <si>
    <t>龍寳寺</t>
  </si>
  <si>
    <t>梅田 良光</t>
  </si>
  <si>
    <t>植木128</t>
  </si>
  <si>
    <t>安國論寺</t>
  </si>
  <si>
    <t>平井 智親</t>
  </si>
  <si>
    <t>大町4-4-18</t>
  </si>
  <si>
    <t>圓久寺</t>
  </si>
  <si>
    <t>松脇 行眞</t>
  </si>
  <si>
    <t>常盤621</t>
  </si>
  <si>
    <t>勧行寺</t>
  </si>
  <si>
    <t>小島 英長</t>
  </si>
  <si>
    <t>腰越2-19-15</t>
  </si>
  <si>
    <t>久成寺</t>
  </si>
  <si>
    <t>中村 文康</t>
  </si>
  <si>
    <t>植木494</t>
  </si>
  <si>
    <t>啓運寺</t>
  </si>
  <si>
    <t>倉本 光洋</t>
  </si>
  <si>
    <t>材木座3-1-20</t>
  </si>
  <si>
    <t>光則寺</t>
  </si>
  <si>
    <t>横山 正見</t>
  </si>
  <si>
    <t>長谷3-9-7</t>
  </si>
  <si>
    <t>實相寺</t>
  </si>
  <si>
    <t>石井 耀心</t>
  </si>
  <si>
    <t>材木座4-3-13</t>
  </si>
  <si>
    <t>収玄寺</t>
  </si>
  <si>
    <t>片野 玄斉</t>
  </si>
  <si>
    <t>長谷2-15-12</t>
  </si>
  <si>
    <t>常栄寺</t>
  </si>
  <si>
    <t>嶋田 一乗</t>
  </si>
  <si>
    <t>大町1-12-11</t>
  </si>
  <si>
    <t>野中 順敬</t>
  </si>
  <si>
    <t>大町2-8-17</t>
  </si>
  <si>
    <t>大寳寺</t>
  </si>
  <si>
    <t>篠田 教弘</t>
  </si>
  <si>
    <t>大町3-6-22</t>
  </si>
  <si>
    <t>長勝寺</t>
  </si>
  <si>
    <t>久村 眞道</t>
  </si>
  <si>
    <t>材木座2-12-17</t>
  </si>
  <si>
    <t>中西 本孝</t>
  </si>
  <si>
    <t>腰越2-22-13</t>
  </si>
  <si>
    <t>仏行寺</t>
  </si>
  <si>
    <t>立野 正泰</t>
  </si>
  <si>
    <t>笛田3-29-22</t>
  </si>
  <si>
    <t>法源寺</t>
  </si>
  <si>
    <t>高木 玄薩</t>
  </si>
  <si>
    <t>腰越5-1-17</t>
  </si>
  <si>
    <t>本覚寺</t>
  </si>
  <si>
    <t>永倉 嘉文</t>
  </si>
  <si>
    <t>小町1-12-12</t>
  </si>
  <si>
    <t>本興寺</t>
  </si>
  <si>
    <t>野崎 龍華</t>
  </si>
  <si>
    <t>大町2-5-32</t>
  </si>
  <si>
    <t>本成寺</t>
  </si>
  <si>
    <t>増成 信也</t>
  </si>
  <si>
    <t>腰越2-19-9</t>
  </si>
  <si>
    <t>本龍寺</t>
  </si>
  <si>
    <t>片野 玄晶</t>
  </si>
  <si>
    <t>腰越2-26-2</t>
  </si>
  <si>
    <t>妙長寺</t>
  </si>
  <si>
    <t>神 和秀</t>
  </si>
  <si>
    <t>材木座2-7-41</t>
  </si>
  <si>
    <t>内海 惠俊</t>
  </si>
  <si>
    <t>扇ガ谷2-21-3</t>
  </si>
  <si>
    <t>妙典寺</t>
  </si>
  <si>
    <t>塚本 敬之</t>
  </si>
  <si>
    <t>腰越2-20-5</t>
  </si>
  <si>
    <t>日蓮宗妙法教會</t>
  </si>
  <si>
    <t>大町1-9-15</t>
  </si>
  <si>
    <t>妙法寺</t>
  </si>
  <si>
    <t>小向 宣生</t>
  </si>
  <si>
    <t>山崎663</t>
  </si>
  <si>
    <t>藤田 是光</t>
  </si>
  <si>
    <t>大町4-7-4</t>
  </si>
  <si>
    <t>妙本寺</t>
  </si>
  <si>
    <t>鈴木 良敬</t>
  </si>
  <si>
    <t>大町1-15-1</t>
  </si>
  <si>
    <t>妙隆寺</t>
  </si>
  <si>
    <t>井上 泰英</t>
  </si>
  <si>
    <t>小町2-17-20</t>
  </si>
  <si>
    <t>大埜 慈誠</t>
  </si>
  <si>
    <t>扇ガ谷3-5-1</t>
  </si>
  <si>
    <t>霊光寺</t>
  </si>
  <si>
    <t>菊地 弘泰</t>
  </si>
  <si>
    <t>七里ガ浜1-14-5</t>
  </si>
  <si>
    <t>護国寺</t>
  </si>
  <si>
    <t>榎木 境道</t>
  </si>
  <si>
    <t>扇ガ谷2-3-3</t>
  </si>
  <si>
    <t>顕証寺</t>
  </si>
  <si>
    <t>信清 宏章</t>
  </si>
  <si>
    <t>七里ガ浜1-5-21</t>
  </si>
  <si>
    <t>日本山妙法寺大僧伽</t>
  </si>
  <si>
    <t>日本山妙法寺鎌倉道場</t>
  </si>
  <si>
    <t>横山 妙立</t>
  </si>
  <si>
    <t>鎌倉山1-19-5</t>
  </si>
  <si>
    <t>真言律宗</t>
  </si>
  <si>
    <t>極楽寺</t>
  </si>
  <si>
    <t>田中 密敬</t>
  </si>
  <si>
    <t>極楽寺3-6-7</t>
  </si>
  <si>
    <t>華厳宗</t>
  </si>
  <si>
    <t>普賢光明寺</t>
  </si>
  <si>
    <t>望月 大仙</t>
  </si>
  <si>
    <t>鎌倉山4-8-2</t>
  </si>
  <si>
    <t>長谷寺</t>
  </si>
  <si>
    <t>竹石 元美</t>
  </si>
  <si>
    <t>長谷3-11-2</t>
  </si>
  <si>
    <t>大巧寺</t>
  </si>
  <si>
    <t>山田 嗣</t>
  </si>
  <si>
    <t>小町1-9-28</t>
  </si>
  <si>
    <t>佛眼宗</t>
  </si>
  <si>
    <t>菊池 静流</t>
  </si>
  <si>
    <t>腰越5-5-14</t>
  </si>
  <si>
    <t>靈元根本道場</t>
  </si>
  <si>
    <t>山﨑 日命子</t>
  </si>
  <si>
    <t>鎌倉山4-11-8-4</t>
  </si>
  <si>
    <t>日本基督教団大船教会</t>
  </si>
  <si>
    <t>難波 信義</t>
  </si>
  <si>
    <t>台2-10-10</t>
  </si>
  <si>
    <t>日本基督教団鎌倉恩寵教会</t>
  </si>
  <si>
    <t>渡辺 誉一</t>
  </si>
  <si>
    <t>佐助1-9-3</t>
  </si>
  <si>
    <t>日本基督教団鎌倉教会</t>
  </si>
  <si>
    <t>坪内 克浩</t>
  </si>
  <si>
    <t>由比ガ浜2-2-6</t>
  </si>
  <si>
    <t>日本基督教団鎌倉泉水教会</t>
  </si>
  <si>
    <t>藤垣 昭雄</t>
  </si>
  <si>
    <t>浄明寺5-4-2</t>
  </si>
  <si>
    <t>日本基督教団鎌倉雪ノ下教会</t>
  </si>
  <si>
    <t>川﨑 公平</t>
  </si>
  <si>
    <t>小町2-15-36</t>
  </si>
  <si>
    <t>日本キリスト教会鎌倉栄光教会</t>
  </si>
  <si>
    <t>白井 献</t>
  </si>
  <si>
    <t>扇ガ谷1-7-17</t>
  </si>
  <si>
    <t>エホバの証人の神奈川県鎌倉市鎌倉会衆</t>
  </si>
  <si>
    <t>原 征士</t>
  </si>
  <si>
    <t>二階堂9-1-1F</t>
  </si>
  <si>
    <t>エホバの証人の鎌倉北会衆</t>
  </si>
  <si>
    <t>丹野 秀丸</t>
  </si>
  <si>
    <t>城廻468-4</t>
  </si>
  <si>
    <t>カトリックレデンプトリスチン修道院</t>
  </si>
  <si>
    <t>立見 悦子</t>
  </si>
  <si>
    <t>小町3-10-6</t>
  </si>
  <si>
    <t>湘南のぞみキリスト教会</t>
  </si>
  <si>
    <t>倉嶋 聡生</t>
  </si>
  <si>
    <t>鎌倉市岡本1-12-1</t>
  </si>
  <si>
    <t>天理教三園分教会</t>
  </si>
  <si>
    <t>三又 道榮</t>
  </si>
  <si>
    <t>玉縄1-1-13</t>
  </si>
  <si>
    <t>諸教単立</t>
  </si>
  <si>
    <t>泉教教会</t>
  </si>
  <si>
    <t>小林 浩二</t>
  </si>
  <si>
    <t>大船字谷ノ前1676-1</t>
  </si>
  <si>
    <t>市杵島神社</t>
  </si>
  <si>
    <t>関根 正統</t>
  </si>
  <si>
    <t>藤沢市</t>
  </si>
  <si>
    <t>大庭5429-3</t>
  </si>
  <si>
    <t>稲荷社</t>
  </si>
  <si>
    <t>鵠沼神明4-149</t>
  </si>
  <si>
    <t>大庭1809</t>
  </si>
  <si>
    <t>城南1-3-6</t>
  </si>
  <si>
    <t>宇都母知神社</t>
  </si>
  <si>
    <t>御厨 浩和</t>
  </si>
  <si>
    <t>打戻2662</t>
  </si>
  <si>
    <t>江島神社</t>
  </si>
  <si>
    <t>江の島2-3-8</t>
  </si>
  <si>
    <t>皇子大神</t>
  </si>
  <si>
    <t>栗原 拓児</t>
  </si>
  <si>
    <t>葛原1382</t>
  </si>
  <si>
    <t>大庭神社</t>
  </si>
  <si>
    <t>丹野 重喜</t>
  </si>
  <si>
    <t>稲荷997</t>
  </si>
  <si>
    <t>賀来神社</t>
  </si>
  <si>
    <t>鵠沼藤が谷3-10-19</t>
  </si>
  <si>
    <t>亀井神社</t>
  </si>
  <si>
    <t>嶽山 清</t>
  </si>
  <si>
    <t>亀井野554</t>
  </si>
  <si>
    <t>柄沢神社</t>
  </si>
  <si>
    <t>吉田 智大</t>
  </si>
  <si>
    <t>柄沢字宮ノ下511</t>
  </si>
  <si>
    <t>鵠沼伏見稲荷神社</t>
  </si>
  <si>
    <t>田村 進</t>
  </si>
  <si>
    <t>鵠沼海岸5-11-17</t>
  </si>
  <si>
    <t>大庭1846</t>
  </si>
  <si>
    <t>大庭5429-2</t>
  </si>
  <si>
    <t>荒神神社</t>
  </si>
  <si>
    <t>小塚字弥勒寺596</t>
  </si>
  <si>
    <t>皇大神宮</t>
  </si>
  <si>
    <t>鵠沼神明2-11-5</t>
  </si>
  <si>
    <t>岡田 匡大</t>
  </si>
  <si>
    <t>川名字通町656</t>
  </si>
  <si>
    <t>宮前560</t>
  </si>
  <si>
    <t>鈴木 大次</t>
  </si>
  <si>
    <t>羽鳥3-15-28</t>
  </si>
  <si>
    <t>鯖神社</t>
  </si>
  <si>
    <t>湘南台7-201</t>
  </si>
  <si>
    <t>佐波神社</t>
  </si>
  <si>
    <t>石川141</t>
  </si>
  <si>
    <t>寒川社</t>
  </si>
  <si>
    <t>石腰 浩之</t>
  </si>
  <si>
    <t>宮原1289</t>
  </si>
  <si>
    <t>利根 康敎</t>
  </si>
  <si>
    <t>用田739</t>
  </si>
  <si>
    <t>山王神社</t>
  </si>
  <si>
    <t>諏訪 健一郎</t>
  </si>
  <si>
    <t>大鋸3-2-29</t>
  </si>
  <si>
    <t>地神社</t>
  </si>
  <si>
    <t>亀井野2-36-4</t>
  </si>
  <si>
    <t>社宮神</t>
  </si>
  <si>
    <t>辻堂元町4-6-1</t>
  </si>
  <si>
    <t>藤沢2-4-7</t>
  </si>
  <si>
    <t>大庭2296</t>
  </si>
  <si>
    <t>西俣野2052</t>
  </si>
  <si>
    <t>城南3-2-13</t>
  </si>
  <si>
    <t>高倉2674</t>
  </si>
  <si>
    <t>片瀬2-21-16</t>
  </si>
  <si>
    <t>石川5-35-12</t>
  </si>
  <si>
    <t>大鋸3-7-2</t>
  </si>
  <si>
    <t>辻堂元町3-15-15</t>
  </si>
  <si>
    <t>大神宮</t>
  </si>
  <si>
    <t>高谷字高谷下379-1</t>
  </si>
  <si>
    <t>天神町2-15</t>
  </si>
  <si>
    <t>長後1412</t>
  </si>
  <si>
    <t>豊受大神</t>
  </si>
  <si>
    <t>菖蒲沢625</t>
  </si>
  <si>
    <t>七ツ木神社</t>
  </si>
  <si>
    <t>高倉1128</t>
  </si>
  <si>
    <t>子ノ神社</t>
  </si>
  <si>
    <t>辻堂元町5-2-14</t>
  </si>
  <si>
    <t>子聖神社</t>
  </si>
  <si>
    <t>獺郷799</t>
  </si>
  <si>
    <t>辻堂元町3-9-21</t>
  </si>
  <si>
    <t>白山大神</t>
  </si>
  <si>
    <t>下土棚1065</t>
  </si>
  <si>
    <t>八幡宮</t>
  </si>
  <si>
    <t>湘南台3-10-5</t>
  </si>
  <si>
    <t>辻堂元町3-9-24</t>
  </si>
  <si>
    <t>渡内3-8-10</t>
  </si>
  <si>
    <t>城南1-21-1</t>
  </si>
  <si>
    <t>辻堂元町3-5-21</t>
  </si>
  <si>
    <t>船玉神社</t>
  </si>
  <si>
    <t>大鋸2-4-12</t>
  </si>
  <si>
    <t>御嶽大神</t>
  </si>
  <si>
    <t>西俣野1891</t>
  </si>
  <si>
    <t>遠藤2539</t>
  </si>
  <si>
    <t>城南5-1-8</t>
  </si>
  <si>
    <t>八松稲荷神社</t>
  </si>
  <si>
    <t>辻堂元町4-11-31</t>
  </si>
  <si>
    <t>児玉神社</t>
  </si>
  <si>
    <t>山本 白鳥</t>
  </si>
  <si>
    <t>江の島1-4-3</t>
  </si>
  <si>
    <t>丸山教長後分教会</t>
  </si>
  <si>
    <t>村山 俊一</t>
  </si>
  <si>
    <t>長後593</t>
  </si>
  <si>
    <t>金光教藤沢教会</t>
  </si>
  <si>
    <t>髙橋 健雄</t>
  </si>
  <si>
    <t>藤沢1-9-8</t>
  </si>
  <si>
    <t>心霊界教団</t>
  </si>
  <si>
    <t>心霊界教団信和本部教会</t>
  </si>
  <si>
    <t>北山 澄美枝</t>
  </si>
  <si>
    <t>辻堂西海岸1-1-9</t>
  </si>
  <si>
    <t>観藏寺</t>
  </si>
  <si>
    <t>柳川 良弘</t>
  </si>
  <si>
    <t>宮原1665</t>
  </si>
  <si>
    <t>感應院</t>
  </si>
  <si>
    <t>眞柴 喜彦</t>
  </si>
  <si>
    <t>大鋸2-6-8</t>
  </si>
  <si>
    <t>荘厳寺</t>
  </si>
  <si>
    <t>加藤 光聖</t>
  </si>
  <si>
    <t>本町4-6-12</t>
  </si>
  <si>
    <t>塩澤 和弘</t>
  </si>
  <si>
    <t>大庭8157</t>
  </si>
  <si>
    <t>神光寺</t>
  </si>
  <si>
    <t>瀬戸 全明</t>
  </si>
  <si>
    <t>川名584</t>
  </si>
  <si>
    <t>泉蔵寺</t>
  </si>
  <si>
    <t>鷲尾 英天</t>
  </si>
  <si>
    <t>片瀬2-18-3</t>
  </si>
  <si>
    <t>普門寺</t>
  </si>
  <si>
    <t>川島 弘耀</t>
  </si>
  <si>
    <t>本鵠沼5-5-12</t>
  </si>
  <si>
    <t>寳珠寺</t>
  </si>
  <si>
    <t>上柳 隆晋</t>
  </si>
  <si>
    <t>辻堂元町2-4-27</t>
  </si>
  <si>
    <t>寳泉寺</t>
  </si>
  <si>
    <t>塩澤 明弘</t>
  </si>
  <si>
    <t>辻堂元町3-15-13</t>
  </si>
  <si>
    <t>凛明教会</t>
  </si>
  <si>
    <t>嶋田 釈念</t>
  </si>
  <si>
    <t>菖蒲沢860-2</t>
  </si>
  <si>
    <t>密寺</t>
  </si>
  <si>
    <t>大西 弘純</t>
  </si>
  <si>
    <t>片瀬3-3-44</t>
  </si>
  <si>
    <t>密蔵寺</t>
  </si>
  <si>
    <t>自性院</t>
  </si>
  <si>
    <t>伊藤 政彦</t>
  </si>
  <si>
    <t>石川3562</t>
  </si>
  <si>
    <t>吉田 勝好</t>
  </si>
  <si>
    <t>本町4-5-21</t>
  </si>
  <si>
    <t>浄土院</t>
  </si>
  <si>
    <t>鈴木 崇仁</t>
  </si>
  <si>
    <t>菖蒲沢890</t>
  </si>
  <si>
    <t>真源寺</t>
  </si>
  <si>
    <t>瀬高 順教</t>
  </si>
  <si>
    <t>本町3-17-19</t>
  </si>
  <si>
    <t>善然寺</t>
  </si>
  <si>
    <t>戸田 順教</t>
  </si>
  <si>
    <t>下土棚999</t>
  </si>
  <si>
    <t>泉龍寺</t>
  </si>
  <si>
    <t>徳武 眞雄</t>
  </si>
  <si>
    <t>長後968</t>
  </si>
  <si>
    <t>大法寺</t>
  </si>
  <si>
    <t>安藤 昌信</t>
  </si>
  <si>
    <t>打戻1331</t>
  </si>
  <si>
    <t>天徳寺藤沢別院</t>
  </si>
  <si>
    <t>藤本 剛史</t>
  </si>
  <si>
    <t>大庭5333-1</t>
  </si>
  <si>
    <t>二伝寺</t>
  </si>
  <si>
    <t>當間 浩昭</t>
  </si>
  <si>
    <t>渡内3-13-1</t>
  </si>
  <si>
    <t>法円寺</t>
  </si>
  <si>
    <t>川瀬 和一</t>
  </si>
  <si>
    <t>鵠沼1559</t>
  </si>
  <si>
    <t>鵠沼神明2-2-24</t>
  </si>
  <si>
    <t>本願寺</t>
  </si>
  <si>
    <t>長谷川 光順</t>
  </si>
  <si>
    <t>稲荷1-2-3</t>
  </si>
  <si>
    <t>本真寺</t>
  </si>
  <si>
    <t>斎藤 良典</t>
  </si>
  <si>
    <t>鵠沼海岸7-1-7</t>
  </si>
  <si>
    <t>永勝寺</t>
  </si>
  <si>
    <t>武田 裕元</t>
  </si>
  <si>
    <t>本町4-4-15</t>
  </si>
  <si>
    <t>恵光寺</t>
  </si>
  <si>
    <t>稲葉 尚範</t>
  </si>
  <si>
    <t>湘南台1-30-20</t>
  </si>
  <si>
    <t>万福寺</t>
  </si>
  <si>
    <t>荒木 良和</t>
  </si>
  <si>
    <t>鵠沼神明3-4-37</t>
  </si>
  <si>
    <t>真宗高田派</t>
  </si>
  <si>
    <t>空乗寺</t>
  </si>
  <si>
    <t>大橋 信明</t>
  </si>
  <si>
    <t>鵠沼神明3-3-21</t>
  </si>
  <si>
    <t>清浄光寺</t>
  </si>
  <si>
    <t>西富1-8-1</t>
  </si>
  <si>
    <t>眞浄院</t>
  </si>
  <si>
    <t>小熊 章久</t>
  </si>
  <si>
    <t>西富1-5-32</t>
  </si>
  <si>
    <t>德寺</t>
  </si>
  <si>
    <t>吉川 真介</t>
  </si>
  <si>
    <t>西富1-4-5</t>
  </si>
  <si>
    <t>真德寺</t>
  </si>
  <si>
    <t>長生院</t>
  </si>
  <si>
    <t>西島 和隆</t>
  </si>
  <si>
    <t>西富1-9-27</t>
  </si>
  <si>
    <t>永明寺</t>
  </si>
  <si>
    <t>橋本 良弘</t>
  </si>
  <si>
    <t>長後416</t>
  </si>
  <si>
    <t>東勝寺</t>
  </si>
  <si>
    <t>黒澤 宗剛</t>
  </si>
  <si>
    <t>高倉258</t>
  </si>
  <si>
    <t>雲昌寺</t>
  </si>
  <si>
    <t>大嶋 寧人</t>
  </si>
  <si>
    <t>亀井野1457</t>
  </si>
  <si>
    <t>花應院</t>
  </si>
  <si>
    <t>山本 雅彦</t>
  </si>
  <si>
    <t>西俣野866</t>
  </si>
  <si>
    <t>松山 大佑</t>
  </si>
  <si>
    <t>渡内5-1-13</t>
  </si>
  <si>
    <t>寿昌寺</t>
  </si>
  <si>
    <t>平沢 祖学</t>
  </si>
  <si>
    <t>用田2224</t>
  </si>
  <si>
    <t>乗福寺</t>
  </si>
  <si>
    <t>中津川 一英</t>
  </si>
  <si>
    <t>葛原294</t>
  </si>
  <si>
    <t>盛岩寺</t>
  </si>
  <si>
    <t>中津川 泰隆</t>
  </si>
  <si>
    <t>打戻1119</t>
  </si>
  <si>
    <t>泉秋寺</t>
  </si>
  <si>
    <t>齋藤 玄真</t>
  </si>
  <si>
    <t>大庭5042-4</t>
  </si>
  <si>
    <t>宗賢院</t>
  </si>
  <si>
    <t>瀬戸 良光</t>
  </si>
  <si>
    <t>大庭819</t>
  </si>
  <si>
    <t>長福寺</t>
  </si>
  <si>
    <t>谷﨑 無奏</t>
  </si>
  <si>
    <t>村岡東3-358</t>
  </si>
  <si>
    <t>東陽院</t>
  </si>
  <si>
    <t>高倉 孝元</t>
  </si>
  <si>
    <t>獺郷1589</t>
  </si>
  <si>
    <t>小泉 文勝</t>
  </si>
  <si>
    <t>遠藤6094</t>
  </si>
  <si>
    <t>養命寺</t>
  </si>
  <si>
    <t>淺田 弘憲</t>
  </si>
  <si>
    <t>城南4-10-35</t>
  </si>
  <si>
    <t>光妙寺</t>
  </si>
  <si>
    <t>柴山 香奈</t>
  </si>
  <si>
    <t>藤沢4-14-16</t>
  </si>
  <si>
    <t>常立寺</t>
  </si>
  <si>
    <t>服部 功志</t>
  </si>
  <si>
    <t>片瀬3-14-3</t>
  </si>
  <si>
    <t>法泉寺</t>
  </si>
  <si>
    <t>酒井 光雄</t>
  </si>
  <si>
    <t>亀井野391</t>
  </si>
  <si>
    <t>関 本城</t>
  </si>
  <si>
    <t>弥勒寺2-4-24</t>
  </si>
  <si>
    <t>本立寺</t>
  </si>
  <si>
    <t>下邨 匡司</t>
  </si>
  <si>
    <t>辻堂神台2-2-48</t>
  </si>
  <si>
    <t>本蓮寺</t>
  </si>
  <si>
    <t>清田 義信</t>
  </si>
  <si>
    <t>片瀬3-4-41</t>
  </si>
  <si>
    <t>妙善寺</t>
  </si>
  <si>
    <t>石田 朗伯</t>
  </si>
  <si>
    <t>藤沢1-5-3</t>
  </si>
  <si>
    <t>妙福寺</t>
  </si>
  <si>
    <t>小林 海武</t>
  </si>
  <si>
    <t>打戻2587</t>
  </si>
  <si>
    <t>弥勒寺</t>
  </si>
  <si>
    <t>細田 久成</t>
  </si>
  <si>
    <t>弥勒寺519</t>
  </si>
  <si>
    <t>青田 随鐘</t>
  </si>
  <si>
    <t>用田141-2</t>
  </si>
  <si>
    <t>龍口寺</t>
  </si>
  <si>
    <t>鈴木 弘信</t>
  </si>
  <si>
    <t>片瀬3-13-37</t>
  </si>
  <si>
    <t>隆昌院</t>
  </si>
  <si>
    <t>望月 隆雄</t>
  </si>
  <si>
    <t>柄沢1-7-1</t>
  </si>
  <si>
    <t>寿照寺</t>
  </si>
  <si>
    <t>西岡 雄信</t>
  </si>
  <si>
    <t>石川4-8-1</t>
  </si>
  <si>
    <t>晴明庵</t>
  </si>
  <si>
    <t>三吉 廣明</t>
  </si>
  <si>
    <t>鵠沼海岸3-5-4</t>
  </si>
  <si>
    <t>示現寺</t>
  </si>
  <si>
    <t>鈴木 泰堂</t>
  </si>
  <si>
    <t>用田1035-43</t>
  </si>
  <si>
    <t>天嶽院</t>
  </si>
  <si>
    <t>真山 正三</t>
  </si>
  <si>
    <t>渡内1-1-1</t>
  </si>
  <si>
    <t>本妙寺</t>
  </si>
  <si>
    <t>大久保 是潤</t>
  </si>
  <si>
    <t>長後711</t>
  </si>
  <si>
    <t>日本基督教団片瀬教会</t>
  </si>
  <si>
    <t>菊地 一男</t>
  </si>
  <si>
    <t>片瀬4-3-14</t>
  </si>
  <si>
    <t>日本基督教団堂教会</t>
  </si>
  <si>
    <t>白鳥 彰</t>
  </si>
  <si>
    <t>辻堂4-7-38</t>
  </si>
  <si>
    <t>日本基督教団 辻堂教会</t>
  </si>
  <si>
    <t>日本基督教団藤沢北教会</t>
  </si>
  <si>
    <t>長倉 基</t>
  </si>
  <si>
    <t>亀井野1-25-3</t>
  </si>
  <si>
    <t>日本基督教団藤沢教会</t>
  </si>
  <si>
    <t>黒田 直人</t>
  </si>
  <si>
    <t>鵠沼花沢町2-5</t>
  </si>
  <si>
    <t>日本ルーテル教団</t>
  </si>
  <si>
    <t>日本ルーテル教団鵠沼めぐみルーテル教会</t>
  </si>
  <si>
    <t>岡田 諭</t>
  </si>
  <si>
    <t>鵠沼松が岡1-1-6</t>
  </si>
  <si>
    <t>日本ホーリネス教団</t>
  </si>
  <si>
    <t>日本ホーリネス教団鵠沼教会</t>
  </si>
  <si>
    <t>中道 由子</t>
  </si>
  <si>
    <t>鵠沼海岸7-11-10</t>
  </si>
  <si>
    <t>日本ホーリネス教団堂キリスト教会</t>
  </si>
  <si>
    <t>島津 吉成</t>
  </si>
  <si>
    <t>羽鳥1-3-21</t>
  </si>
  <si>
    <t>日本ﾎｰﾘﾈｽ教団 辻堂ｷﾘｽﾄ教会</t>
  </si>
  <si>
    <t>エホバの証人の神奈川県湘南会衆</t>
  </si>
  <si>
    <t>森 憲一</t>
  </si>
  <si>
    <t>獺郷1163-2</t>
  </si>
  <si>
    <t>エホバの証人の神奈川県藤沢会衆</t>
  </si>
  <si>
    <t>鈴木 純</t>
  </si>
  <si>
    <t>本鵠沼5-4-16</t>
  </si>
  <si>
    <t>湘南イエス之御霊教会</t>
  </si>
  <si>
    <t>児玉 圭子</t>
  </si>
  <si>
    <t>大鋸961-6</t>
  </si>
  <si>
    <t>湘南教会</t>
  </si>
  <si>
    <t>加藤 信治</t>
  </si>
  <si>
    <t>鵠沼桜が岡3-18-3</t>
  </si>
  <si>
    <t>湘南キリスト教会</t>
  </si>
  <si>
    <t>古屋 順史</t>
  </si>
  <si>
    <t>辻堂東海岸2-12-36</t>
  </si>
  <si>
    <t>湘南ライフタウンキリスト教会</t>
  </si>
  <si>
    <t>菅野 淳一</t>
  </si>
  <si>
    <t>遠藤398-4</t>
  </si>
  <si>
    <t>東洋宣教使徒教会</t>
  </si>
  <si>
    <t>塚原 寿美江</t>
  </si>
  <si>
    <t>本町1-6-1</t>
  </si>
  <si>
    <t>藤沢キリスト教会</t>
  </si>
  <si>
    <t>金 貞男</t>
  </si>
  <si>
    <t>朝日町20-6</t>
  </si>
  <si>
    <t>藤沢福音自由教会</t>
  </si>
  <si>
    <t>岡村 建</t>
  </si>
  <si>
    <t>渡内4-1-25</t>
  </si>
  <si>
    <t>ライフ・チャペルインターナショナル</t>
  </si>
  <si>
    <t>鈴木 清嘉</t>
  </si>
  <si>
    <t>亀井野359-15</t>
  </si>
  <si>
    <t>天理教神奈川台分教会</t>
  </si>
  <si>
    <t>仲野 芳次</t>
  </si>
  <si>
    <t>鵠沼桜が岡1-1-22</t>
  </si>
  <si>
    <t>天理教上之町分教会</t>
  </si>
  <si>
    <t>金子 周介</t>
  </si>
  <si>
    <t>鵠沼松が岡3-18-19</t>
  </si>
  <si>
    <t>天理教高座分教会</t>
  </si>
  <si>
    <t>清水 範明</t>
  </si>
  <si>
    <t>立石2-6-15</t>
  </si>
  <si>
    <t>天理教御所見分教会</t>
  </si>
  <si>
    <t>青木 真司</t>
  </si>
  <si>
    <t>長後1137</t>
  </si>
  <si>
    <t>天理教藤沢市分教会</t>
  </si>
  <si>
    <t>田嶋 理司</t>
  </si>
  <si>
    <t>本町4-8-29</t>
  </si>
  <si>
    <t>天理教保高分教会</t>
  </si>
  <si>
    <t>安岡 貞治</t>
  </si>
  <si>
    <t>藤沢539</t>
  </si>
  <si>
    <t>吾妻神社</t>
  </si>
  <si>
    <t>中村 瑛</t>
  </si>
  <si>
    <t>小田原市</t>
  </si>
  <si>
    <t>前川1116</t>
  </si>
  <si>
    <t>飯田神社</t>
  </si>
  <si>
    <t>観行 英紀</t>
  </si>
  <si>
    <t>飯田岡262</t>
  </si>
  <si>
    <t>居神神社</t>
  </si>
  <si>
    <t>村上 國起</t>
  </si>
  <si>
    <t>城山4-23-29</t>
  </si>
  <si>
    <t>市方神社</t>
  </si>
  <si>
    <t>穐山 光鑑</t>
  </si>
  <si>
    <t>荻窪755</t>
  </si>
  <si>
    <t>扇町1-21-16</t>
  </si>
  <si>
    <t>穴部新田31</t>
  </si>
  <si>
    <t>蓮正寺247</t>
  </si>
  <si>
    <t>中村 知修</t>
  </si>
  <si>
    <t>曽比407</t>
  </si>
  <si>
    <t>新屋5</t>
  </si>
  <si>
    <t>姥神社</t>
  </si>
  <si>
    <t>穴部367</t>
  </si>
  <si>
    <t>王子神社</t>
  </si>
  <si>
    <t>沼代506</t>
  </si>
  <si>
    <t>大久保神社</t>
  </si>
  <si>
    <t>村上 道明</t>
  </si>
  <si>
    <t>城山3-27-7</t>
  </si>
  <si>
    <t>大美和神社</t>
  </si>
  <si>
    <t>江之浦312</t>
  </si>
  <si>
    <t>加茂神社</t>
  </si>
  <si>
    <t>泉 博允</t>
  </si>
  <si>
    <t>鴨宮708</t>
  </si>
  <si>
    <t>栢山神社</t>
  </si>
  <si>
    <t>栢山859</t>
  </si>
  <si>
    <t>紀伊神社</t>
  </si>
  <si>
    <t>露木 良典</t>
  </si>
  <si>
    <t>早川9</t>
  </si>
  <si>
    <t>北ノ窪天神社</t>
  </si>
  <si>
    <t>北ノ窪144</t>
  </si>
  <si>
    <t>中町2-11-3</t>
  </si>
  <si>
    <t>神山神社</t>
  </si>
  <si>
    <t>久野235</t>
  </si>
  <si>
    <t>五社稲荷神社</t>
  </si>
  <si>
    <t>中曽根95</t>
  </si>
  <si>
    <t>酒匂神社</t>
  </si>
  <si>
    <t>酒匂2-27-1</t>
  </si>
  <si>
    <t>山神神社</t>
  </si>
  <si>
    <t>入生田289</t>
  </si>
  <si>
    <t>浜町4-30-15</t>
  </si>
  <si>
    <t>小船669</t>
  </si>
  <si>
    <t>南鴨宮1-6-5</t>
  </si>
  <si>
    <t>菅原神社</t>
  </si>
  <si>
    <t>近藤 誠一</t>
  </si>
  <si>
    <t>国府津1752</t>
  </si>
  <si>
    <t>府川293</t>
  </si>
  <si>
    <t>矢作325</t>
  </si>
  <si>
    <t>前川586</t>
  </si>
  <si>
    <t>宗我神社</t>
  </si>
  <si>
    <t>曽我谷津386</t>
  </si>
  <si>
    <t>大稲荷神社</t>
  </si>
  <si>
    <t>城山1-22-1</t>
  </si>
  <si>
    <t>近戸神社</t>
  </si>
  <si>
    <t>前川1431</t>
  </si>
  <si>
    <t>津島神社</t>
  </si>
  <si>
    <t>田島境1489</t>
  </si>
  <si>
    <t>寺山神社</t>
  </si>
  <si>
    <t>根府川95-1</t>
  </si>
  <si>
    <t>南町1-5-37</t>
  </si>
  <si>
    <t>石橋16</t>
  </si>
  <si>
    <t>久野3117</t>
  </si>
  <si>
    <t>扇町5-7-29</t>
  </si>
  <si>
    <t>飯泉1164</t>
  </si>
  <si>
    <t>高田198</t>
  </si>
  <si>
    <t>東大友214</t>
  </si>
  <si>
    <t>米神476</t>
  </si>
  <si>
    <t>小八幡3-1-1</t>
  </si>
  <si>
    <t>中里494</t>
  </si>
  <si>
    <t>扇町3-4-1</t>
  </si>
  <si>
    <t>寿町1-17-8</t>
  </si>
  <si>
    <t>清水新田4</t>
  </si>
  <si>
    <t>風祭429</t>
  </si>
  <si>
    <t>東町5-6-30</t>
  </si>
  <si>
    <t>国府津1977-2</t>
  </si>
  <si>
    <t>小台184</t>
  </si>
  <si>
    <t>栢山3814</t>
  </si>
  <si>
    <t>報徳二宮神社</t>
  </si>
  <si>
    <t>草山 明久</t>
  </si>
  <si>
    <t>城内8-10</t>
  </si>
  <si>
    <t>松原神社</t>
  </si>
  <si>
    <t>本町2-10-16</t>
  </si>
  <si>
    <t>桑原489</t>
  </si>
  <si>
    <t>成田256</t>
  </si>
  <si>
    <t>千代278</t>
  </si>
  <si>
    <t>雷電神社</t>
  </si>
  <si>
    <t>永塚219</t>
  </si>
  <si>
    <t>若宮八幡宮</t>
  </si>
  <si>
    <t>堀之内158</t>
  </si>
  <si>
    <t>扶桑教</t>
  </si>
  <si>
    <t>扶桑教慶曜教会</t>
  </si>
  <si>
    <t>曽我 修教</t>
  </si>
  <si>
    <t>国府津2823</t>
  </si>
  <si>
    <t>御嶽教</t>
  </si>
  <si>
    <t>御嶽教心願教会</t>
  </si>
  <si>
    <t>瀬尾 美代子</t>
  </si>
  <si>
    <t>国府津1737</t>
  </si>
  <si>
    <t>金光教小田原教会</t>
  </si>
  <si>
    <t>宮川 昌也</t>
  </si>
  <si>
    <t>浜町1-10-37</t>
  </si>
  <si>
    <t>教派神道系単立</t>
  </si>
  <si>
    <t>日月光教院</t>
  </si>
  <si>
    <t>飯田 妻子</t>
  </si>
  <si>
    <t>堀之内377</t>
  </si>
  <si>
    <t>本源寺</t>
  </si>
  <si>
    <t>滝口 康道</t>
  </si>
  <si>
    <t>栄町4-3-3</t>
  </si>
  <si>
    <t>天台寺門宗</t>
  </si>
  <si>
    <t>役 光明</t>
  </si>
  <si>
    <t>千代424</t>
  </si>
  <si>
    <t>本山修験宗</t>
  </si>
  <si>
    <t>量覚院</t>
  </si>
  <si>
    <t>山本 具徳</t>
  </si>
  <si>
    <t>板橋544</t>
  </si>
  <si>
    <t>金峯山修験本宗</t>
  </si>
  <si>
    <t>関東山妙力寺</t>
  </si>
  <si>
    <t>卯月 隆</t>
  </si>
  <si>
    <t>入生田482-4</t>
  </si>
  <si>
    <t>真言宗醍醐派</t>
  </si>
  <si>
    <t>醍醐小田原分教会所</t>
  </si>
  <si>
    <t>藤原 滋温</t>
  </si>
  <si>
    <t>栄町3-1-14</t>
  </si>
  <si>
    <t>安楽院</t>
  </si>
  <si>
    <t>片岡 秀明</t>
  </si>
  <si>
    <t>国府津1762</t>
  </si>
  <si>
    <t>野田 一生</t>
  </si>
  <si>
    <t>沼代525</t>
  </si>
  <si>
    <t>源長寺</t>
  </si>
  <si>
    <t>秋山 俊洋</t>
  </si>
  <si>
    <t>小船296</t>
  </si>
  <si>
    <t>金藏院</t>
  </si>
  <si>
    <t>中館 達哉</t>
  </si>
  <si>
    <t>田島707</t>
  </si>
  <si>
    <t>正壽院</t>
  </si>
  <si>
    <t>福守 弘文</t>
  </si>
  <si>
    <t>米神449</t>
  </si>
  <si>
    <t>正藏寺</t>
  </si>
  <si>
    <t>三元 宏樹</t>
  </si>
  <si>
    <t>早川1189</t>
  </si>
  <si>
    <t>勝福寺</t>
  </si>
  <si>
    <t>峯 孝雅</t>
  </si>
  <si>
    <t>飯泉1161</t>
  </si>
  <si>
    <t>早川892</t>
  </si>
  <si>
    <t>東善院</t>
  </si>
  <si>
    <t>早川482</t>
  </si>
  <si>
    <t>南蔵寺</t>
  </si>
  <si>
    <t>酒匂2-44-35</t>
  </si>
  <si>
    <t>沼代547</t>
  </si>
  <si>
    <t>宝寿寺</t>
  </si>
  <si>
    <t>佐井 広樹</t>
  </si>
  <si>
    <t>石橋188</t>
  </si>
  <si>
    <t>来光寺</t>
  </si>
  <si>
    <t>福守 智快</t>
  </si>
  <si>
    <t>久野197-2</t>
  </si>
  <si>
    <t>円蔵院</t>
  </si>
  <si>
    <t>藤原 朝臣宗峯</t>
  </si>
  <si>
    <t>高田683</t>
  </si>
  <si>
    <t>円福寺</t>
  </si>
  <si>
    <t>木内 雍明</t>
  </si>
  <si>
    <t>本町4-6-24</t>
  </si>
  <si>
    <t>髙木 快尚</t>
  </si>
  <si>
    <t>本町2-10-11</t>
  </si>
  <si>
    <t>津田 美幸</t>
  </si>
  <si>
    <t>下大井268</t>
  </si>
  <si>
    <t>大聖院</t>
  </si>
  <si>
    <t>髙木 快典</t>
  </si>
  <si>
    <t>扇町1-5-6</t>
  </si>
  <si>
    <t>橋本 尚信</t>
  </si>
  <si>
    <t>飯田岡257</t>
  </si>
  <si>
    <t>保安寺</t>
  </si>
  <si>
    <t>加藤 江文</t>
  </si>
  <si>
    <t>下大井195</t>
  </si>
  <si>
    <t>寳金剛寺</t>
  </si>
  <si>
    <t>神谷 高雅</t>
  </si>
  <si>
    <t>国府津2038</t>
  </si>
  <si>
    <t>藤原 勅滋</t>
  </si>
  <si>
    <t>中里487</t>
  </si>
  <si>
    <t>蓮上院</t>
  </si>
  <si>
    <t>浜町2-1-51</t>
  </si>
  <si>
    <t>真言三宝宗</t>
  </si>
  <si>
    <t>東光院</t>
  </si>
  <si>
    <t>岡田 康秀</t>
  </si>
  <si>
    <t>曽我原261</t>
  </si>
  <si>
    <t>小杉 純孝</t>
  </si>
  <si>
    <t>千代161</t>
  </si>
  <si>
    <t>安楽寺</t>
  </si>
  <si>
    <t>安部 龍也</t>
  </si>
  <si>
    <t>中町1-15-11</t>
  </si>
  <si>
    <t>栄善寺</t>
  </si>
  <si>
    <t>松䕃 宣良</t>
  </si>
  <si>
    <t>板橋835</t>
  </si>
  <si>
    <t>圓宗寺</t>
  </si>
  <si>
    <t>大場 得道</t>
  </si>
  <si>
    <t>千代168</t>
  </si>
  <si>
    <t>皆川 孝顕</t>
  </si>
  <si>
    <t>鴨宮753</t>
  </si>
  <si>
    <t>岩﨑 正伸</t>
  </si>
  <si>
    <t>堀之内183</t>
  </si>
  <si>
    <t>三寳寺</t>
  </si>
  <si>
    <t>竹石 光流</t>
  </si>
  <si>
    <t>小八幡2-12-26</t>
  </si>
  <si>
    <t>春光院</t>
  </si>
  <si>
    <t>石川 琢道</t>
  </si>
  <si>
    <t>鴨宮446</t>
  </si>
  <si>
    <t>城源寺</t>
  </si>
  <si>
    <t>古林 哲茂</t>
  </si>
  <si>
    <t>城山2-14-32</t>
  </si>
  <si>
    <t>阿川 貫浄</t>
  </si>
  <si>
    <t>板橋581</t>
  </si>
  <si>
    <t>城前寺</t>
  </si>
  <si>
    <t>皆川 演亮</t>
  </si>
  <si>
    <t>曽我谷津592</t>
  </si>
  <si>
    <t>常念寺</t>
  </si>
  <si>
    <t>村瀬 秀紀</t>
  </si>
  <si>
    <t>国府津5-14-49</t>
  </si>
  <si>
    <t>浄蓮寺</t>
  </si>
  <si>
    <t>宮嶋 俊道</t>
  </si>
  <si>
    <t>桑原428</t>
  </si>
  <si>
    <t>心光寺</t>
  </si>
  <si>
    <t>柴田 幸博</t>
  </si>
  <si>
    <t>東町1-25-35</t>
  </si>
  <si>
    <t>新光明寺</t>
  </si>
  <si>
    <t>森 芳秋</t>
  </si>
  <si>
    <t>扇町1-5-1</t>
  </si>
  <si>
    <t>誓願寺</t>
  </si>
  <si>
    <t>本多 行一</t>
  </si>
  <si>
    <t>浜町1-8-16</t>
  </si>
  <si>
    <t>善光寺</t>
  </si>
  <si>
    <t>松 英宣</t>
  </si>
  <si>
    <t>栄町2-15-34</t>
  </si>
  <si>
    <t>松蔭 英宣</t>
  </si>
  <si>
    <t>千葉 優香</t>
  </si>
  <si>
    <t>酒匂2-37-16</t>
  </si>
  <si>
    <t>大見寺</t>
  </si>
  <si>
    <t>木村 敦英</t>
  </si>
  <si>
    <t>酒匂2-41-37</t>
  </si>
  <si>
    <t>大蓮寺</t>
  </si>
  <si>
    <t>戸松 良明</t>
  </si>
  <si>
    <t>南町2-4-9</t>
  </si>
  <si>
    <t>乃美 浩一</t>
  </si>
  <si>
    <t>酒匂5-2-12</t>
  </si>
  <si>
    <t>傳肇寺</t>
  </si>
  <si>
    <t>千葉 良道</t>
  </si>
  <si>
    <t>城山4-19-8</t>
  </si>
  <si>
    <t>道場院</t>
  </si>
  <si>
    <t>都築 顕道</t>
  </si>
  <si>
    <t>東町1-30-30</t>
  </si>
  <si>
    <t>報身寺</t>
  </si>
  <si>
    <t>荒井 呉仁</t>
  </si>
  <si>
    <t>南町3-11-3</t>
  </si>
  <si>
    <t>本誓寺</t>
  </si>
  <si>
    <t>成田 昌弥</t>
  </si>
  <si>
    <t>城山2-1-24</t>
  </si>
  <si>
    <t>石田 朗江</t>
  </si>
  <si>
    <t>本町3-13-53</t>
  </si>
  <si>
    <t>陽雲寺</t>
  </si>
  <si>
    <t>北ノ窪127</t>
  </si>
  <si>
    <t>蓮乗寺</t>
  </si>
  <si>
    <t>松 宣徳</t>
  </si>
  <si>
    <t>小台172</t>
  </si>
  <si>
    <t>松蔭 宣徳</t>
  </si>
  <si>
    <t>光円寺</t>
  </si>
  <si>
    <t>春日 俊之</t>
  </si>
  <si>
    <t>城山4-23-32</t>
  </si>
  <si>
    <t>正恩寺</t>
  </si>
  <si>
    <t>鞠川 綽</t>
  </si>
  <si>
    <t>本町4-5-7</t>
  </si>
  <si>
    <t>真楽寺</t>
  </si>
  <si>
    <t>平 成人</t>
  </si>
  <si>
    <t>国府津3-2-22</t>
  </si>
  <si>
    <t>善照寺</t>
  </si>
  <si>
    <t>乾 唯明</t>
  </si>
  <si>
    <t>浜町2-4-14</t>
  </si>
  <si>
    <t>養託寺</t>
  </si>
  <si>
    <t>乾 照護</t>
  </si>
  <si>
    <t>城山2-2-1</t>
  </si>
  <si>
    <t>光福寺</t>
  </si>
  <si>
    <t>望月 創志</t>
  </si>
  <si>
    <t>山西2414</t>
  </si>
  <si>
    <t>三浦 紘善</t>
  </si>
  <si>
    <t>国府津1082</t>
  </si>
  <si>
    <t>上輩寺</t>
  </si>
  <si>
    <t>六郷 雅弘</t>
  </si>
  <si>
    <t>酒匂2-44-27</t>
  </si>
  <si>
    <t>西島 秀明</t>
  </si>
  <si>
    <t>蓮䑓寺</t>
  </si>
  <si>
    <t>吉川 玲子</t>
  </si>
  <si>
    <t>国府津1789</t>
  </si>
  <si>
    <t>臨済宗妙心寺派</t>
  </si>
  <si>
    <t>永久寺</t>
  </si>
  <si>
    <t>成田 孝英</t>
  </si>
  <si>
    <t>城山3-7-23</t>
  </si>
  <si>
    <t>一徳寺</t>
  </si>
  <si>
    <t>山田 邦雄</t>
  </si>
  <si>
    <t>田島1102</t>
  </si>
  <si>
    <t>高橋 義成</t>
  </si>
  <si>
    <t>田島577</t>
  </si>
  <si>
    <t>禅龍寺</t>
  </si>
  <si>
    <t>平本 祥啓</t>
  </si>
  <si>
    <t>中村原808</t>
  </si>
  <si>
    <t>前川998-1</t>
  </si>
  <si>
    <t>東学寺</t>
  </si>
  <si>
    <t>笠 龍桂</t>
  </si>
  <si>
    <t>別堀74</t>
  </si>
  <si>
    <t>東際寺</t>
  </si>
  <si>
    <t>小竹1686</t>
  </si>
  <si>
    <t>法輪寺</t>
  </si>
  <si>
    <t>本場 文竜</t>
  </si>
  <si>
    <t>曽我谷津400</t>
  </si>
  <si>
    <t>臨済宗大徳寺派</t>
  </si>
  <si>
    <t>願修寺</t>
  </si>
  <si>
    <t>岩山 知実</t>
  </si>
  <si>
    <t>城山3-1-29</t>
  </si>
  <si>
    <t>昌福院</t>
  </si>
  <si>
    <t>江口 文亮</t>
  </si>
  <si>
    <t>東町3-10-20</t>
  </si>
  <si>
    <t>伝心庵</t>
  </si>
  <si>
    <t>中町1-14-10</t>
  </si>
  <si>
    <t>呑海寺</t>
  </si>
  <si>
    <t>金親 善学</t>
  </si>
  <si>
    <t>東町3-12-38</t>
  </si>
  <si>
    <t>原 宗久</t>
  </si>
  <si>
    <t>風祭918</t>
  </si>
  <si>
    <t>永昌院</t>
  </si>
  <si>
    <t>垂木 良祐</t>
  </si>
  <si>
    <t>中町3-11-69</t>
  </si>
  <si>
    <t>片岡 修一</t>
  </si>
  <si>
    <t>早川766</t>
  </si>
  <si>
    <t>願成寺</t>
  </si>
  <si>
    <t>佐々木 雄三</t>
  </si>
  <si>
    <t>寿町3-13-29</t>
  </si>
  <si>
    <t>岩泉寺</t>
  </si>
  <si>
    <t>根府川187</t>
  </si>
  <si>
    <t>松田 宏紹</t>
  </si>
  <si>
    <t>中町2-13-35</t>
  </si>
  <si>
    <t>久翁寺</t>
  </si>
  <si>
    <t>早川850</t>
  </si>
  <si>
    <t>京福寺</t>
  </si>
  <si>
    <t>久野885</t>
  </si>
  <si>
    <t>玉寳寺</t>
  </si>
  <si>
    <t>安藤 宗皓</t>
  </si>
  <si>
    <t>扇町5-1-28</t>
  </si>
  <si>
    <t>眼蔵寺</t>
  </si>
  <si>
    <t>扇町1-20-7</t>
  </si>
  <si>
    <t>康岳寺</t>
  </si>
  <si>
    <t>荻田 正道</t>
  </si>
  <si>
    <t>曽我大沢207</t>
  </si>
  <si>
    <t>廣済寺</t>
  </si>
  <si>
    <t>廣本 賢一</t>
  </si>
  <si>
    <t>中村原691</t>
  </si>
  <si>
    <t>髙長寺</t>
  </si>
  <si>
    <t>小川 迪雄</t>
  </si>
  <si>
    <t>城山1-23-2</t>
  </si>
  <si>
    <t>興徳寺</t>
  </si>
  <si>
    <t>堀江 雅人</t>
  </si>
  <si>
    <t>板橋831</t>
  </si>
  <si>
    <t>香林寺</t>
  </si>
  <si>
    <t>松田 宏道</t>
  </si>
  <si>
    <t>板橋908</t>
  </si>
  <si>
    <t>壽昌寺</t>
  </si>
  <si>
    <t>大井 俊章</t>
  </si>
  <si>
    <t>荻窪546</t>
  </si>
  <si>
    <t>山口 勝隆</t>
  </si>
  <si>
    <t>成田163</t>
  </si>
  <si>
    <t>星山寺</t>
  </si>
  <si>
    <t>粕川 徹哉</t>
  </si>
  <si>
    <t>久野1798</t>
  </si>
  <si>
    <t>昌満寺</t>
  </si>
  <si>
    <t>松井 英</t>
  </si>
  <si>
    <t>江之浦335</t>
  </si>
  <si>
    <t>松井 達英</t>
  </si>
  <si>
    <t>瑞雲寺</t>
  </si>
  <si>
    <t>大井 道範</t>
  </si>
  <si>
    <t>上曽我902</t>
  </si>
  <si>
    <t>清源寺</t>
  </si>
  <si>
    <t>鬼柳95</t>
  </si>
  <si>
    <t>盛𣳾寺</t>
  </si>
  <si>
    <t>松原 泰孝</t>
  </si>
  <si>
    <t>西大友485</t>
  </si>
  <si>
    <t>盛泰寺</t>
  </si>
  <si>
    <t>善栄寺</t>
  </si>
  <si>
    <t>秋澤 祐一</t>
  </si>
  <si>
    <t>栢山868</t>
  </si>
  <si>
    <t>宗圓寺</t>
  </si>
  <si>
    <t>廣沢 康雄</t>
  </si>
  <si>
    <t>城山1-20-8</t>
  </si>
  <si>
    <t>宗久寺</t>
  </si>
  <si>
    <t>乾 郁雄</t>
  </si>
  <si>
    <t>板橋766</t>
  </si>
  <si>
    <t>総世寺</t>
  </si>
  <si>
    <t>安藤 實英</t>
  </si>
  <si>
    <t>久野3670</t>
  </si>
  <si>
    <t>宗繁寺</t>
  </si>
  <si>
    <t>桐原 伸介</t>
  </si>
  <si>
    <t>曽比2296</t>
  </si>
  <si>
    <t>宗福院</t>
  </si>
  <si>
    <t>板橋566-イ</t>
  </si>
  <si>
    <t>宗福寺</t>
  </si>
  <si>
    <t>清野 宗元</t>
  </si>
  <si>
    <t>浜町4-30-10</t>
  </si>
  <si>
    <t>大長院</t>
  </si>
  <si>
    <t>小早川 浩大</t>
  </si>
  <si>
    <t>扇町1-12-27</t>
  </si>
  <si>
    <t>竺土寺</t>
  </si>
  <si>
    <t>山根 文誉</t>
  </si>
  <si>
    <t>上曽我1422</t>
  </si>
  <si>
    <t>潮音寺</t>
  </si>
  <si>
    <t>安藤 嘉則</t>
  </si>
  <si>
    <t>久野511</t>
  </si>
  <si>
    <t>太田 修明</t>
  </si>
  <si>
    <t>東大友65</t>
  </si>
  <si>
    <t>桃源寺</t>
  </si>
  <si>
    <t>加勢 亮頴</t>
  </si>
  <si>
    <t>城山2-23-3</t>
  </si>
  <si>
    <t>東泉院</t>
  </si>
  <si>
    <t>岸 淸志</t>
  </si>
  <si>
    <t>久野1565</t>
  </si>
  <si>
    <t>徳常院</t>
  </si>
  <si>
    <t>木村 健貢</t>
  </si>
  <si>
    <t>本町3-13-11</t>
  </si>
  <si>
    <t>萬松院</t>
  </si>
  <si>
    <t>安藤 道隆</t>
  </si>
  <si>
    <t>風祭863</t>
  </si>
  <si>
    <t>福厳寺</t>
  </si>
  <si>
    <t>天利 俊邦</t>
  </si>
  <si>
    <t>中町2-13-48</t>
  </si>
  <si>
    <t>増田 俊章</t>
  </si>
  <si>
    <t>城山1-19-1</t>
  </si>
  <si>
    <t>普済寺</t>
  </si>
  <si>
    <t>小船586</t>
  </si>
  <si>
    <t>宝安寺</t>
  </si>
  <si>
    <t>大水 健晴</t>
  </si>
  <si>
    <t>浜町1-4-38</t>
  </si>
  <si>
    <t>鳳院</t>
  </si>
  <si>
    <t>天利 俊宏</t>
  </si>
  <si>
    <t>城山3-7-43</t>
  </si>
  <si>
    <t>鳳巣院</t>
  </si>
  <si>
    <t>保寿寺</t>
  </si>
  <si>
    <t>杉崎 大耕</t>
  </si>
  <si>
    <t>久野1848</t>
  </si>
  <si>
    <t>養林寺</t>
  </si>
  <si>
    <t>林 宏省</t>
  </si>
  <si>
    <t>城山2-26-80</t>
  </si>
  <si>
    <t>龍洞院</t>
  </si>
  <si>
    <t>村山 孝司</t>
  </si>
  <si>
    <t>荻窪172</t>
  </si>
  <si>
    <t>良雲寺</t>
  </si>
  <si>
    <t>川口 仁齊</t>
  </si>
  <si>
    <t>永塚253</t>
  </si>
  <si>
    <t>霊寿院</t>
  </si>
  <si>
    <t>垂木 義昭</t>
  </si>
  <si>
    <t>板橋820</t>
  </si>
  <si>
    <t>黄檗宗</t>
  </si>
  <si>
    <t>山中 慧</t>
  </si>
  <si>
    <t>城山2-27-6</t>
  </si>
  <si>
    <t>紹太寺</t>
  </si>
  <si>
    <t>武内 徳昭</t>
  </si>
  <si>
    <t>入生田303</t>
  </si>
  <si>
    <t>安國寺</t>
  </si>
  <si>
    <t>平尾 光潤</t>
  </si>
  <si>
    <t>浜町1-5-21</t>
  </si>
  <si>
    <t>円妙寺</t>
  </si>
  <si>
    <t>吉野 光洋</t>
  </si>
  <si>
    <t>扇町1-12-5</t>
  </si>
  <si>
    <t>御塔生福寺</t>
  </si>
  <si>
    <t>成川 文優</t>
  </si>
  <si>
    <t>板橋771</t>
  </si>
  <si>
    <t>弘経寺</t>
  </si>
  <si>
    <t>田邊 伸明</t>
  </si>
  <si>
    <t>東町3-9-32</t>
  </si>
  <si>
    <t>村上 辨祐</t>
  </si>
  <si>
    <t>小竹1902</t>
  </si>
  <si>
    <t>廣宣寺</t>
  </si>
  <si>
    <t>高橋 聖児</t>
  </si>
  <si>
    <t>上町229</t>
  </si>
  <si>
    <t>青木 正明</t>
  </si>
  <si>
    <t>寿町4-18-18</t>
  </si>
  <si>
    <t>受教寺</t>
  </si>
  <si>
    <t>山田 泰彦</t>
  </si>
  <si>
    <t>小竹221</t>
  </si>
  <si>
    <t>浄永寺</t>
  </si>
  <si>
    <t>中橋 教樹</t>
  </si>
  <si>
    <t>城山2-24-20</t>
  </si>
  <si>
    <t>扇町2-17-20</t>
  </si>
  <si>
    <t>清光寺</t>
  </si>
  <si>
    <t>蔦野 妙真</t>
  </si>
  <si>
    <t>中町1-14-13</t>
  </si>
  <si>
    <t>大久寺</t>
  </si>
  <si>
    <t>小林 正雄</t>
  </si>
  <si>
    <t>城山4-24-7</t>
  </si>
  <si>
    <t>大乘寺</t>
  </si>
  <si>
    <t>波木井 玄祥</t>
  </si>
  <si>
    <t>栄町2-5-21</t>
  </si>
  <si>
    <t>石塚 巌雄</t>
  </si>
  <si>
    <t>扇町1-15-7</t>
  </si>
  <si>
    <t>長栄寺</t>
  </si>
  <si>
    <t>朝倉 観道</t>
  </si>
  <si>
    <t>久野2926</t>
  </si>
  <si>
    <t>日蓮宗育恩教會</t>
  </si>
  <si>
    <t>鳥羽 文恵</t>
  </si>
  <si>
    <t>酒匂2-38-33</t>
  </si>
  <si>
    <t>法秀寺</t>
  </si>
  <si>
    <t>桑名 俊樹</t>
  </si>
  <si>
    <t>国府津2-9-4</t>
  </si>
  <si>
    <t>法授寺</t>
  </si>
  <si>
    <t>岩田 亮徳</t>
  </si>
  <si>
    <t>城山2-2-18</t>
  </si>
  <si>
    <t>法船寺</t>
  </si>
  <si>
    <t>下津 行輝</t>
  </si>
  <si>
    <t>酒匂2-35-22</t>
  </si>
  <si>
    <t>法蓮寺</t>
  </si>
  <si>
    <t>新井 教慧</t>
  </si>
  <si>
    <t>曽我別所54</t>
  </si>
  <si>
    <t>本久寺</t>
  </si>
  <si>
    <t>林 憲史</t>
  </si>
  <si>
    <t>中町3-11-57</t>
  </si>
  <si>
    <t>本光寺</t>
  </si>
  <si>
    <t>三宅 恵鐘</t>
  </si>
  <si>
    <t>寿町5-11-34</t>
  </si>
  <si>
    <t>本典寺</t>
  </si>
  <si>
    <t>戸田 教栄</t>
  </si>
  <si>
    <t>酒匂3-1-17</t>
  </si>
  <si>
    <t>前田 教裕</t>
  </si>
  <si>
    <t>千代684</t>
  </si>
  <si>
    <t>妙圓寺</t>
  </si>
  <si>
    <t>中野 隆雄</t>
  </si>
  <si>
    <t>扇町2-16-53</t>
  </si>
  <si>
    <t>三宅 恵公</t>
  </si>
  <si>
    <t>風祭482</t>
  </si>
  <si>
    <t>妙経寺</t>
  </si>
  <si>
    <t>落合 会啓</t>
  </si>
  <si>
    <t>本町4-6-5</t>
  </si>
  <si>
    <t>妙泉寺</t>
  </si>
  <si>
    <t>石井 辨英</t>
  </si>
  <si>
    <t>下大井字下根392</t>
  </si>
  <si>
    <t>加納 祥有</t>
  </si>
  <si>
    <t>酒匂3-1-22</t>
  </si>
  <si>
    <t>妙了寺</t>
  </si>
  <si>
    <t>井上 定胤</t>
  </si>
  <si>
    <t>延清136</t>
  </si>
  <si>
    <t>妙蓮寺</t>
  </si>
  <si>
    <t>望月 丈雄</t>
  </si>
  <si>
    <t>酒匂3-6-29</t>
  </si>
  <si>
    <t>蓮華寺</t>
  </si>
  <si>
    <t>羽田 鳳照</t>
  </si>
  <si>
    <t>千代815-1</t>
  </si>
  <si>
    <t>蓮昌寺</t>
  </si>
  <si>
    <t>立花 敏彦</t>
  </si>
  <si>
    <t>本町4-5-19</t>
  </si>
  <si>
    <t>蓮船寺</t>
  </si>
  <si>
    <t>黒澤 龍章</t>
  </si>
  <si>
    <t>城山3-31-15</t>
  </si>
  <si>
    <t>小田原教会</t>
  </si>
  <si>
    <t>西村 法連</t>
  </si>
  <si>
    <t>浜町1-10-26</t>
  </si>
  <si>
    <t>蓮久寺</t>
  </si>
  <si>
    <t>宮川 道理</t>
  </si>
  <si>
    <t>寿町5-20-43</t>
  </si>
  <si>
    <t>法華宗(陣門流)</t>
  </si>
  <si>
    <t>本応寺</t>
  </si>
  <si>
    <t>坂井 清亮</t>
  </si>
  <si>
    <t>板橋756</t>
  </si>
  <si>
    <t>法正寺</t>
  </si>
  <si>
    <t>荻窪字上市方909-2</t>
  </si>
  <si>
    <t>玉伝寺</t>
  </si>
  <si>
    <t>外郎 藤右衛門</t>
  </si>
  <si>
    <t>城山4-22-21</t>
  </si>
  <si>
    <t>常顕寺</t>
  </si>
  <si>
    <t>大石 浩準</t>
  </si>
  <si>
    <t>東町3-12-23</t>
  </si>
  <si>
    <t>神保 恵一</t>
  </si>
  <si>
    <t>曽我谷津487</t>
  </si>
  <si>
    <t>日本ハリストス正教会教団</t>
  </si>
  <si>
    <t>小田原ハリストス正教会</t>
  </si>
  <si>
    <t>田中 仁一</t>
  </si>
  <si>
    <t>栄町4-4-1</t>
  </si>
  <si>
    <t>日本基督教団小田原教会</t>
  </si>
  <si>
    <t>豊田 通信</t>
  </si>
  <si>
    <t>栄町4-9-43</t>
  </si>
  <si>
    <t>日本基督教団小田原十字町教会</t>
  </si>
  <si>
    <t>馬場 康夫</t>
  </si>
  <si>
    <t>南町2-2-59</t>
  </si>
  <si>
    <t>基督兄弟団</t>
  </si>
  <si>
    <t>基督兄弟団小田原教会</t>
  </si>
  <si>
    <t>藤波 尚美</t>
  </si>
  <si>
    <t>飯田岡336</t>
  </si>
  <si>
    <t>インマヌエル小田原教会</t>
  </si>
  <si>
    <t>黒田 静安</t>
  </si>
  <si>
    <t>扇町5-14-12-150</t>
  </si>
  <si>
    <t>エホバの証人の神奈川県小田原会衆</t>
  </si>
  <si>
    <t>篠原 壽彦</t>
  </si>
  <si>
    <t>多古702-3</t>
  </si>
  <si>
    <t>小田原荻窪キリスト教会</t>
  </si>
  <si>
    <t>蓑宮 政基</t>
  </si>
  <si>
    <t>荻窪587</t>
  </si>
  <si>
    <t>小田原に在る教会</t>
  </si>
  <si>
    <t>稲葉 正</t>
  </si>
  <si>
    <t>城山3-8-18</t>
  </si>
  <si>
    <t>国府津キリスト教会</t>
  </si>
  <si>
    <t>水田 眞佐子</t>
  </si>
  <si>
    <t>国府津4-2-13</t>
  </si>
  <si>
    <t>城山キリスト教会</t>
  </si>
  <si>
    <t>豊村 臨太郎</t>
  </si>
  <si>
    <t>城山3-25-33</t>
  </si>
  <si>
    <t>天理教足柄分教会</t>
  </si>
  <si>
    <t>西川 伊豆</t>
  </si>
  <si>
    <t>扇町5-1-2</t>
  </si>
  <si>
    <t>天理教小田原分教会</t>
  </si>
  <si>
    <t>武尾 浩司</t>
  </si>
  <si>
    <t>久野606</t>
  </si>
  <si>
    <t>天理教片浦分教会</t>
  </si>
  <si>
    <t>小泉 和生</t>
  </si>
  <si>
    <t>江之浦434-7</t>
  </si>
  <si>
    <t>天理教京元分教会</t>
  </si>
  <si>
    <t>瀧本 啓爾</t>
  </si>
  <si>
    <t>田島732</t>
  </si>
  <si>
    <t>天理教酒匂川分教会</t>
  </si>
  <si>
    <t>安藤 清彦</t>
  </si>
  <si>
    <t>扇町2-24-41</t>
  </si>
  <si>
    <t>天理教相南分教会</t>
  </si>
  <si>
    <t>濱野 和男</t>
  </si>
  <si>
    <t>南町4-9-40</t>
  </si>
  <si>
    <t>天理教本国原分教会</t>
  </si>
  <si>
    <t>青木 昶子</t>
  </si>
  <si>
    <t>城山2-3-8</t>
  </si>
  <si>
    <t>天理教本國分教会</t>
  </si>
  <si>
    <t>本多 伊智代</t>
  </si>
  <si>
    <t>国府津1-5-19</t>
  </si>
  <si>
    <t>天理教本相模分教会</t>
  </si>
  <si>
    <t>岩田 光子</t>
  </si>
  <si>
    <t>栄町4-4-5</t>
  </si>
  <si>
    <t>天理教本朋分教会</t>
  </si>
  <si>
    <t>渡邊 靖夫</t>
  </si>
  <si>
    <t>国府津2732-9</t>
  </si>
  <si>
    <t>天理教御幸浜分教会</t>
  </si>
  <si>
    <t>後藤 正治</t>
  </si>
  <si>
    <t>南町4-1-38</t>
  </si>
  <si>
    <t>真生会</t>
  </si>
  <si>
    <t>真生会神奈川県支部</t>
  </si>
  <si>
    <t>神山 精通</t>
  </si>
  <si>
    <t>堀之内55-4</t>
  </si>
  <si>
    <t>泰山教団</t>
  </si>
  <si>
    <t>泰山教団本部教務院</t>
  </si>
  <si>
    <t>加藤 琢</t>
  </si>
  <si>
    <t>入生田493</t>
  </si>
  <si>
    <t>易道教中和教会</t>
  </si>
  <si>
    <t>藤田 正祥</t>
  </si>
  <si>
    <t>荻窪627</t>
  </si>
  <si>
    <t>嚴島神社</t>
  </si>
  <si>
    <t>櫻井 貴基</t>
  </si>
  <si>
    <t>茅ヶ崎市</t>
  </si>
  <si>
    <t>新栄町2-10</t>
  </si>
  <si>
    <t>能條 大輔</t>
  </si>
  <si>
    <t>柳島海岸13-40</t>
  </si>
  <si>
    <t>大村 堯通</t>
  </si>
  <si>
    <t>南湖3-4-6</t>
  </si>
  <si>
    <t>大村 智美</t>
  </si>
  <si>
    <t>小和田2-3-66</t>
  </si>
  <si>
    <t>杉﨑 俊彦</t>
  </si>
  <si>
    <t>高田1-10-44</t>
  </si>
  <si>
    <t>腰掛神社</t>
  </si>
  <si>
    <t>芹沢2169</t>
  </si>
  <si>
    <t>金刀比羅神社</t>
  </si>
  <si>
    <t>南湖3-4-40</t>
  </si>
  <si>
    <t>御神社</t>
  </si>
  <si>
    <t>南湖2-9-10</t>
  </si>
  <si>
    <t>神明大神</t>
  </si>
  <si>
    <t>赤羽根468</t>
  </si>
  <si>
    <t>円蔵2282</t>
  </si>
  <si>
    <t>神明宮</t>
  </si>
  <si>
    <t>十間坂3-9-47</t>
  </si>
  <si>
    <t>下町屋1-6-19</t>
  </si>
  <si>
    <t>松尾3-24</t>
  </si>
  <si>
    <t>住神社</t>
  </si>
  <si>
    <t>南湖5-5-1</t>
  </si>
  <si>
    <t>第六天神社</t>
  </si>
  <si>
    <t>十間坂3-17-18</t>
  </si>
  <si>
    <t>建彦神社</t>
  </si>
  <si>
    <t>堤3580</t>
  </si>
  <si>
    <t>鶴嶺八幡社</t>
  </si>
  <si>
    <t>浜之郷462</t>
  </si>
  <si>
    <t>八王子神社</t>
  </si>
  <si>
    <t>菱沼1-11-64</t>
  </si>
  <si>
    <t>室田1-13-35</t>
  </si>
  <si>
    <t>本村4-13-40</t>
  </si>
  <si>
    <t>八幡大神</t>
  </si>
  <si>
    <t>甘沼292</t>
  </si>
  <si>
    <t>平太夫新田78</t>
  </si>
  <si>
    <t>柳島2-3-10</t>
  </si>
  <si>
    <t>中島1134</t>
  </si>
  <si>
    <t>日吉神社</t>
  </si>
  <si>
    <t>西久保466</t>
  </si>
  <si>
    <t>本社宮</t>
  </si>
  <si>
    <t>矢畑142</t>
  </si>
  <si>
    <t>松尾大神</t>
  </si>
  <si>
    <t>今宿586</t>
  </si>
  <si>
    <t>三島大神</t>
  </si>
  <si>
    <t>萩園1719</t>
  </si>
  <si>
    <t>厄一王子社</t>
  </si>
  <si>
    <t>茅ヶ崎1132</t>
  </si>
  <si>
    <t>南湖4-4-29</t>
  </si>
  <si>
    <t>坪田 稔</t>
  </si>
  <si>
    <t>香川2-24-54</t>
  </si>
  <si>
    <t>円蔵寺</t>
  </si>
  <si>
    <t>木南 全弘</t>
  </si>
  <si>
    <t>十間坂1-3-39</t>
  </si>
  <si>
    <t>廣徳寺</t>
  </si>
  <si>
    <t>板坂 光明</t>
  </si>
  <si>
    <t>小和田1-17-5</t>
  </si>
  <si>
    <t>金剛院</t>
  </si>
  <si>
    <t>眞柴 辰明</t>
  </si>
  <si>
    <t>南湖1-2-11</t>
  </si>
  <si>
    <t>鳴海 善通</t>
  </si>
  <si>
    <t>甘沼473</t>
  </si>
  <si>
    <t>真光寺</t>
  </si>
  <si>
    <t>関 光典</t>
  </si>
  <si>
    <t>円蔵109</t>
  </si>
  <si>
    <t>川上 修詮</t>
  </si>
  <si>
    <t>代官町1-4</t>
  </si>
  <si>
    <t>井上 景暁</t>
  </si>
  <si>
    <t>松尾3-22</t>
  </si>
  <si>
    <t>柳島1-3-28</t>
  </si>
  <si>
    <t>岡田 真実</t>
  </si>
  <si>
    <t>矢畑150</t>
  </si>
  <si>
    <t>堀川 隆寛</t>
  </si>
  <si>
    <t>松林3-11-52</t>
  </si>
  <si>
    <t>宝生寺</t>
  </si>
  <si>
    <t>堀江 泰弘</t>
  </si>
  <si>
    <t>西久保546</t>
  </si>
  <si>
    <t>鷲尾 英聖</t>
  </si>
  <si>
    <t>萩園1632</t>
  </si>
  <si>
    <t>了覚院</t>
  </si>
  <si>
    <t>円蔵2170</t>
  </si>
  <si>
    <t>輪光寺</t>
  </si>
  <si>
    <t>円蔵2238</t>
  </si>
  <si>
    <t>西運寺</t>
  </si>
  <si>
    <t>坂野 泰央</t>
  </si>
  <si>
    <t>南湖2-9-34</t>
  </si>
  <si>
    <t>西光寺</t>
  </si>
  <si>
    <t>三浦 康志</t>
  </si>
  <si>
    <t>赤羽根3222</t>
  </si>
  <si>
    <t>浄見寺</t>
  </si>
  <si>
    <t>菱科 俊雄</t>
  </si>
  <si>
    <t>堤4317</t>
  </si>
  <si>
    <t>久冨 亮弘</t>
  </si>
  <si>
    <t>中島1052</t>
  </si>
  <si>
    <t>梅雲寺</t>
  </si>
  <si>
    <t>鷲見 宗信</t>
  </si>
  <si>
    <t>下町屋2-14-15</t>
  </si>
  <si>
    <t>見学 明彦</t>
  </si>
  <si>
    <t>芹沢3291</t>
  </si>
  <si>
    <t>上正寺</t>
  </si>
  <si>
    <t>佐々木 泰弘</t>
  </si>
  <si>
    <t>小和田2-12-73</t>
  </si>
  <si>
    <t>来恩寺</t>
  </si>
  <si>
    <t>橋本 正一</t>
  </si>
  <si>
    <t>今宿1-1</t>
  </si>
  <si>
    <t>永昌寺</t>
  </si>
  <si>
    <t>桑山 弘隆</t>
  </si>
  <si>
    <t>室田1-15-44</t>
  </si>
  <si>
    <t>海前寺</t>
  </si>
  <si>
    <t>赤間 芳陽</t>
  </si>
  <si>
    <t>本村4-21-34</t>
  </si>
  <si>
    <t>玉林寺</t>
  </si>
  <si>
    <t>桃井 純一</t>
  </si>
  <si>
    <t>甘沼214</t>
  </si>
  <si>
    <t>玄珊寺</t>
  </si>
  <si>
    <t>福田 雅明</t>
  </si>
  <si>
    <t>香川2-27-24</t>
  </si>
  <si>
    <t>正覚院</t>
  </si>
  <si>
    <t>伊藤 卓矢</t>
  </si>
  <si>
    <t>堤3681</t>
  </si>
  <si>
    <t>善谷寺</t>
  </si>
  <si>
    <t>淺田 英世</t>
  </si>
  <si>
    <t>芹沢1137</t>
  </si>
  <si>
    <t>白峰寺</t>
  </si>
  <si>
    <t>久賀 哲朗</t>
  </si>
  <si>
    <t>下寺尾1551</t>
  </si>
  <si>
    <t>宝積寺</t>
  </si>
  <si>
    <t>赤星 倫明</t>
  </si>
  <si>
    <t>赤羽根3042</t>
  </si>
  <si>
    <t>宝蔵寺</t>
  </si>
  <si>
    <t>金子 明芳</t>
  </si>
  <si>
    <t>行谷318</t>
  </si>
  <si>
    <t>龍前院</t>
  </si>
  <si>
    <t>赤間 泰然</t>
  </si>
  <si>
    <t>浜之郷356</t>
  </si>
  <si>
    <t>森田 海玄</t>
  </si>
  <si>
    <t>萩園1441</t>
  </si>
  <si>
    <t>上国寺</t>
  </si>
  <si>
    <t>望月 文敬</t>
  </si>
  <si>
    <t>今宿488</t>
  </si>
  <si>
    <t>浄心寺</t>
  </si>
  <si>
    <t>金子 智研</t>
  </si>
  <si>
    <t>香川5-8-1</t>
  </si>
  <si>
    <t>唱導寺</t>
  </si>
  <si>
    <t>小林 大晃</t>
  </si>
  <si>
    <t>浜之郷404-1</t>
  </si>
  <si>
    <t>信隆寺</t>
  </si>
  <si>
    <t>木村 邦佑</t>
  </si>
  <si>
    <t>今宿841</t>
  </si>
  <si>
    <t>代官町3-43</t>
  </si>
  <si>
    <t>本在寺</t>
  </si>
  <si>
    <t>小川 浩正</t>
  </si>
  <si>
    <t>高田1-7-38</t>
  </si>
  <si>
    <t>妙運寺</t>
  </si>
  <si>
    <t>大倉 啓伸</t>
  </si>
  <si>
    <t>西久保1564</t>
  </si>
  <si>
    <t>鈴木 錬恵</t>
  </si>
  <si>
    <t>松林3-5-5</t>
  </si>
  <si>
    <t>石井 邦明</t>
  </si>
  <si>
    <t>堤1032</t>
  </si>
  <si>
    <t>蓮妙寺</t>
  </si>
  <si>
    <t>紋田 正隼</t>
  </si>
  <si>
    <t>芹沢2472</t>
  </si>
  <si>
    <t>正信会</t>
  </si>
  <si>
    <t>妙覚院</t>
  </si>
  <si>
    <t>松田 教尊</t>
  </si>
  <si>
    <t>赤羽根3081-70</t>
  </si>
  <si>
    <t>日本基督教団茅ヶ崎香川教会</t>
  </si>
  <si>
    <t>小河 信一</t>
  </si>
  <si>
    <t>香川1-34-35</t>
  </si>
  <si>
    <t>日本基督教団茅ヶ崎教会</t>
  </si>
  <si>
    <t>田村 博</t>
  </si>
  <si>
    <t>中海岸4-2-18</t>
  </si>
  <si>
    <t>日本基督教団茅ヶ崎恵泉教会</t>
  </si>
  <si>
    <t>越智 馨</t>
  </si>
  <si>
    <t>共恵2-7-1</t>
  </si>
  <si>
    <t>日本基督教団茅ヶ崎南湖教会</t>
  </si>
  <si>
    <t>秋間 文子</t>
  </si>
  <si>
    <t>南湖6-17-9</t>
  </si>
  <si>
    <t>日本基督教団茅ヶ崎平和教会</t>
  </si>
  <si>
    <t>山田 恵子</t>
  </si>
  <si>
    <t>出口町4-71</t>
  </si>
  <si>
    <t>日本キリスト教会茅ヶ崎東教会</t>
  </si>
  <si>
    <t>住谷 眞</t>
  </si>
  <si>
    <t>浜竹3-5-58</t>
  </si>
  <si>
    <t>日本同盟基督教団茅ヶ崎同盟教会</t>
  </si>
  <si>
    <t>山村 諭</t>
  </si>
  <si>
    <t>東海岸南2-11-17</t>
  </si>
  <si>
    <t>日本ホーリネス教団茅ヶ崎教会</t>
  </si>
  <si>
    <t>中道 善次</t>
  </si>
  <si>
    <t>本村1-2-14</t>
  </si>
  <si>
    <t>アトンメントのフランシスコ女子修道会</t>
  </si>
  <si>
    <t>松本 千穂子</t>
  </si>
  <si>
    <t>美住町13-54</t>
  </si>
  <si>
    <t>エホバの証人の神奈川県茅ヶ崎会衆</t>
  </si>
  <si>
    <t>岡崎 敏博</t>
  </si>
  <si>
    <t>萩園483</t>
  </si>
  <si>
    <t>湧泉教会</t>
  </si>
  <si>
    <t>栁生 二三</t>
  </si>
  <si>
    <t>東海岸北1-7-4</t>
  </si>
  <si>
    <t>天理教東陽城分教会</t>
  </si>
  <si>
    <t>出口町12-21</t>
  </si>
  <si>
    <t>天理教相模洋分教会</t>
  </si>
  <si>
    <t>福地 智津子</t>
  </si>
  <si>
    <t>代官町4-23</t>
  </si>
  <si>
    <t>天理教神京分教会</t>
  </si>
  <si>
    <t>畑中 正治</t>
  </si>
  <si>
    <t>赤羽根204-10</t>
  </si>
  <si>
    <t>天理教洲北分教会</t>
  </si>
  <si>
    <t>林 久郎</t>
  </si>
  <si>
    <t>堤60-14</t>
  </si>
  <si>
    <t>天理教本神白分教会</t>
  </si>
  <si>
    <t>齋藤 眞寛</t>
  </si>
  <si>
    <t>今宿822-12</t>
  </si>
  <si>
    <t>天理教本保西分教会</t>
  </si>
  <si>
    <t>西久保 智雄</t>
  </si>
  <si>
    <t>平太夫新田83-2</t>
  </si>
  <si>
    <t>天理教横浜分教会</t>
  </si>
  <si>
    <t>清水 雄介</t>
  </si>
  <si>
    <t>共恵1-10-43</t>
  </si>
  <si>
    <t>亀岡八幡神社</t>
  </si>
  <si>
    <t>逗子市</t>
  </si>
  <si>
    <t>逗子5-2-13</t>
  </si>
  <si>
    <t>山の根2-4-1</t>
  </si>
  <si>
    <t>五霊神社</t>
  </si>
  <si>
    <t>沼間3-10-34</t>
  </si>
  <si>
    <t>池子2-10-11</t>
  </si>
  <si>
    <t>桜山6-1185</t>
  </si>
  <si>
    <t>天照大神社</t>
  </si>
  <si>
    <t>小坪4-20-1</t>
  </si>
  <si>
    <t>桜山7-8-27</t>
  </si>
  <si>
    <t>久木神社</t>
  </si>
  <si>
    <t>久木6-2-39</t>
  </si>
  <si>
    <t>神習教子大教会</t>
  </si>
  <si>
    <t>山本 英樹</t>
  </si>
  <si>
    <t>桜山6-15-4</t>
  </si>
  <si>
    <t>神習教 逗子大教会</t>
  </si>
  <si>
    <t>観蔵院</t>
  </si>
  <si>
    <t>土屋 慈恭</t>
  </si>
  <si>
    <t>桜山5-6-1</t>
  </si>
  <si>
    <t>神武寺</t>
  </si>
  <si>
    <t>沼間2-1402</t>
  </si>
  <si>
    <t>神田 宜優</t>
  </si>
  <si>
    <t>逗子3-1-17</t>
  </si>
  <si>
    <t>川上 義峰</t>
  </si>
  <si>
    <t>沼間2-20-17</t>
  </si>
  <si>
    <t>高養寺</t>
  </si>
  <si>
    <t>眞田 有快</t>
  </si>
  <si>
    <t>新宿5-5-5</t>
  </si>
  <si>
    <t>神田 宜海</t>
  </si>
  <si>
    <t>桜山7-10-20</t>
  </si>
  <si>
    <t>宗泰寺</t>
  </si>
  <si>
    <t>須藤 真海</t>
  </si>
  <si>
    <t>桜山7-7-1</t>
  </si>
  <si>
    <t>東昌寺</t>
  </si>
  <si>
    <t>岸本 光瑞</t>
  </si>
  <si>
    <t>池子2-8-33</t>
  </si>
  <si>
    <t>仏乘院</t>
  </si>
  <si>
    <t>齋藤 真佑</t>
  </si>
  <si>
    <t>小坪4-26-3</t>
  </si>
  <si>
    <t>脇川 公暢</t>
  </si>
  <si>
    <t>小坪5-12-2</t>
  </si>
  <si>
    <t>小坪寺</t>
  </si>
  <si>
    <t>石井 晃陵</t>
  </si>
  <si>
    <t>小坪5-4-15</t>
  </si>
  <si>
    <t>田中 純人</t>
  </si>
  <si>
    <t>小坪5-10-17</t>
  </si>
  <si>
    <t>海宝院</t>
  </si>
  <si>
    <t>鈴木 孝道</t>
  </si>
  <si>
    <t>沼間2-12-15</t>
  </si>
  <si>
    <t>岩殿寺</t>
  </si>
  <si>
    <t>洞外 文敬</t>
  </si>
  <si>
    <t>久木5-7-11</t>
  </si>
  <si>
    <t>法勝寺</t>
  </si>
  <si>
    <t>三田村 昌鳳</t>
  </si>
  <si>
    <t>沼間4-1-1</t>
  </si>
  <si>
    <t>法性寺</t>
  </si>
  <si>
    <t>髙作 泰寛</t>
  </si>
  <si>
    <t>久木9-1-33</t>
  </si>
  <si>
    <t>妙光寺</t>
  </si>
  <si>
    <t>中込 貫隆</t>
  </si>
  <si>
    <t>久木6-1-6</t>
  </si>
  <si>
    <t>逗子妙法精神教会</t>
  </si>
  <si>
    <t>梅原 正隆</t>
  </si>
  <si>
    <t>沼間4-7-10</t>
  </si>
  <si>
    <t>妙修寺</t>
  </si>
  <si>
    <t>蓮池 光洋</t>
  </si>
  <si>
    <t>逗子5-11-9</t>
  </si>
  <si>
    <t>顯信寺</t>
  </si>
  <si>
    <t>逗子5-7-21</t>
  </si>
  <si>
    <t>日本基督教団子教会</t>
  </si>
  <si>
    <t>小宮山 剛</t>
  </si>
  <si>
    <t>逗子5-12-15</t>
  </si>
  <si>
    <t>日本基督教団 逗子教会</t>
  </si>
  <si>
    <t>子第一バプテスト教会</t>
  </si>
  <si>
    <t>小平 公憲</t>
  </si>
  <si>
    <t>逗子3-3-13</t>
  </si>
  <si>
    <t>逗子第一バプテスト教会</t>
  </si>
  <si>
    <t>子福音教会</t>
  </si>
  <si>
    <t>村松 登志雄</t>
  </si>
  <si>
    <t>逗子4-7-28</t>
  </si>
  <si>
    <t>逗子福音教会</t>
  </si>
  <si>
    <t>天理教湘南子分教会</t>
  </si>
  <si>
    <t>神尾 工</t>
  </si>
  <si>
    <t>逗子5-2-25</t>
  </si>
  <si>
    <t>天理教 湘南逗子分教会</t>
  </si>
  <si>
    <t>日本ヴェーダーンタ協会</t>
  </si>
  <si>
    <t>スワミ・メダサーナンダ</t>
  </si>
  <si>
    <t>久木4-18-1</t>
  </si>
  <si>
    <t>○</t>
    <phoneticPr fontId="3"/>
  </si>
  <si>
    <t>口 勝男</t>
    <phoneticPr fontId="3"/>
  </si>
  <si>
    <t>樋口 勝男</t>
    <rPh sb="0" eb="2">
      <t>ヒグ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5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Border="1" applyAlignment="1">
      <alignment vertical="center" wrapText="1"/>
    </xf>
    <xf numFmtId="0" fontId="4" fillId="0" borderId="1" xfId="1" applyFont="1" applyBorder="1" applyAlignment="1">
      <alignment horizontal="center" vertical="center" shrinkToFi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shrinkToFi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5" fillId="0" borderId="0" xfId="0" applyFont="1" applyAlignment="1">
      <alignment vertical="center" shrinkToFit="1"/>
    </xf>
  </cellXfs>
  <cellStyles count="2">
    <cellStyle name="標準" xfId="0" builtinId="0"/>
    <cellStyle name="標準 2" xfId="1" xr:uid="{7FA97117-8A6C-4C39-B1BC-4EB3EFAFCF7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321F1F-D76F-4066-B119-5AC9A2D858A1}">
  <sheetPr>
    <tabColor rgb="FF006600"/>
  </sheetPr>
  <dimension ref="A1:L1113"/>
  <sheetViews>
    <sheetView showZeros="0" tabSelected="1" zoomScaleNormal="100" zoomScaleSheetLayoutView="100" workbookViewId="0"/>
  </sheetViews>
  <sheetFormatPr defaultColWidth="6.09765625" defaultRowHeight="21.75" customHeight="1" x14ac:dyDescent="0.2"/>
  <cols>
    <col min="1" max="1" width="5.09765625" style="13" customWidth="1"/>
    <col min="2" max="2" width="8.19921875" style="11" customWidth="1"/>
    <col min="3" max="3" width="18.5" style="12" customWidth="1"/>
    <col min="4" max="4" width="26.19921875" style="12" customWidth="1"/>
    <col min="5" max="5" width="12.796875" style="14" customWidth="1"/>
    <col min="6" max="6" width="7.5" style="11" customWidth="1"/>
    <col min="7" max="7" width="11.59765625" style="13" customWidth="1"/>
    <col min="8" max="8" width="14.59765625" style="12" customWidth="1"/>
    <col min="9" max="9" width="12.19921875" style="12" customWidth="1"/>
    <col min="10" max="10" width="12.19921875" style="11" customWidth="1"/>
    <col min="11" max="12" width="12.19921875" style="12" customWidth="1"/>
    <col min="13" max="13" width="13.09765625" style="13" customWidth="1"/>
    <col min="14" max="16384" width="6.09765625" style="13"/>
  </cols>
  <sheetData>
    <row r="1" spans="1:12" s="4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5">
        <v>1</v>
      </c>
      <c r="B2" s="6" t="s">
        <v>12</v>
      </c>
      <c r="C2" s="7" t="s">
        <v>13</v>
      </c>
      <c r="D2" s="7" t="s">
        <v>14</v>
      </c>
      <c r="E2" s="8" t="s">
        <v>15</v>
      </c>
      <c r="F2" s="9">
        <v>0</v>
      </c>
      <c r="G2" s="5" t="s">
        <v>16</v>
      </c>
      <c r="H2" s="7" t="s">
        <v>17</v>
      </c>
      <c r="I2" s="10">
        <v>5021005007800</v>
      </c>
      <c r="K2" s="12">
        <v>0</v>
      </c>
      <c r="L2" s="12">
        <v>0</v>
      </c>
    </row>
    <row r="3" spans="1:12" ht="21.75" customHeight="1" x14ac:dyDescent="0.2">
      <c r="A3" s="5">
        <v>2</v>
      </c>
      <c r="B3" s="6" t="s">
        <v>12</v>
      </c>
      <c r="C3" s="7" t="s">
        <v>13</v>
      </c>
      <c r="D3" s="7" t="s">
        <v>18</v>
      </c>
      <c r="E3" s="8" t="s">
        <v>19</v>
      </c>
      <c r="F3" s="9">
        <v>0</v>
      </c>
      <c r="G3" s="5" t="s">
        <v>16</v>
      </c>
      <c r="H3" s="7" t="s">
        <v>20</v>
      </c>
      <c r="I3" s="10">
        <v>7021005007798</v>
      </c>
      <c r="K3" s="12">
        <v>0</v>
      </c>
      <c r="L3" s="12">
        <v>0</v>
      </c>
    </row>
    <row r="4" spans="1:12" ht="21.75" customHeight="1" x14ac:dyDescent="0.2">
      <c r="A4" s="5">
        <v>3</v>
      </c>
      <c r="B4" s="6" t="s">
        <v>12</v>
      </c>
      <c r="C4" s="7" t="s">
        <v>13</v>
      </c>
      <c r="D4" s="7" t="s">
        <v>21</v>
      </c>
      <c r="E4" s="8" t="s">
        <v>22</v>
      </c>
      <c r="F4" s="9">
        <v>0</v>
      </c>
      <c r="G4" s="5" t="s">
        <v>16</v>
      </c>
      <c r="H4" s="7" t="s">
        <v>23</v>
      </c>
      <c r="I4" s="10">
        <v>6021005007799</v>
      </c>
      <c r="K4" s="12">
        <v>0</v>
      </c>
      <c r="L4" s="12">
        <v>0</v>
      </c>
    </row>
    <row r="5" spans="1:12" ht="21.75" customHeight="1" x14ac:dyDescent="0.2">
      <c r="A5" s="5">
        <v>4</v>
      </c>
      <c r="B5" s="6" t="s">
        <v>12</v>
      </c>
      <c r="C5" s="7" t="s">
        <v>13</v>
      </c>
      <c r="D5" s="7" t="s">
        <v>24</v>
      </c>
      <c r="E5" s="8" t="s">
        <v>25</v>
      </c>
      <c r="F5" s="9">
        <v>0</v>
      </c>
      <c r="G5" s="5" t="s">
        <v>16</v>
      </c>
      <c r="H5" s="7" t="s">
        <v>26</v>
      </c>
      <c r="I5" s="10">
        <v>5021005007817</v>
      </c>
      <c r="K5" s="12">
        <v>0</v>
      </c>
      <c r="L5" s="12">
        <v>0</v>
      </c>
    </row>
    <row r="6" spans="1:12" ht="21.75" customHeight="1" x14ac:dyDescent="0.2">
      <c r="A6" s="5">
        <v>5</v>
      </c>
      <c r="B6" s="6" t="s">
        <v>12</v>
      </c>
      <c r="C6" s="7" t="s">
        <v>13</v>
      </c>
      <c r="D6" s="7" t="s">
        <v>27</v>
      </c>
      <c r="E6" s="8" t="s">
        <v>28</v>
      </c>
      <c r="F6" s="9">
        <v>0</v>
      </c>
      <c r="G6" s="5" t="s">
        <v>16</v>
      </c>
      <c r="H6" s="7" t="s">
        <v>29</v>
      </c>
      <c r="I6" s="10">
        <v>3021005007802</v>
      </c>
      <c r="K6" s="12">
        <v>0</v>
      </c>
      <c r="L6" s="12">
        <v>0</v>
      </c>
    </row>
    <row r="7" spans="1:12" ht="21.75" customHeight="1" x14ac:dyDescent="0.2">
      <c r="A7" s="5">
        <v>6</v>
      </c>
      <c r="B7" s="6" t="s">
        <v>12</v>
      </c>
      <c r="C7" s="7" t="s">
        <v>13</v>
      </c>
      <c r="D7" s="7" t="s">
        <v>30</v>
      </c>
      <c r="E7" s="8" t="s">
        <v>25</v>
      </c>
      <c r="F7" s="9">
        <v>0</v>
      </c>
      <c r="G7" s="5" t="s">
        <v>16</v>
      </c>
      <c r="H7" s="7" t="s">
        <v>31</v>
      </c>
      <c r="I7" s="10">
        <v>1021005007812</v>
      </c>
      <c r="K7" s="12">
        <v>0</v>
      </c>
      <c r="L7" s="12">
        <v>0</v>
      </c>
    </row>
    <row r="8" spans="1:12" ht="21.75" customHeight="1" x14ac:dyDescent="0.2">
      <c r="A8" s="5">
        <v>7</v>
      </c>
      <c r="B8" s="6" t="s">
        <v>12</v>
      </c>
      <c r="C8" s="7" t="s">
        <v>13</v>
      </c>
      <c r="D8" s="7" t="s">
        <v>32</v>
      </c>
      <c r="E8" s="8" t="s">
        <v>33</v>
      </c>
      <c r="F8" s="9">
        <v>0</v>
      </c>
      <c r="G8" s="5" t="s">
        <v>16</v>
      </c>
      <c r="H8" s="7" t="s">
        <v>34</v>
      </c>
      <c r="I8" s="10">
        <v>6021005007816</v>
      </c>
      <c r="K8" s="12">
        <v>0</v>
      </c>
      <c r="L8" s="12">
        <v>0</v>
      </c>
    </row>
    <row r="9" spans="1:12" ht="21.75" customHeight="1" x14ac:dyDescent="0.2">
      <c r="A9" s="5">
        <v>8</v>
      </c>
      <c r="B9" s="6" t="s">
        <v>12</v>
      </c>
      <c r="C9" s="7" t="s">
        <v>13</v>
      </c>
      <c r="D9" s="7" t="s">
        <v>35</v>
      </c>
      <c r="E9" s="8" t="s">
        <v>36</v>
      </c>
      <c r="F9" s="9">
        <v>0</v>
      </c>
      <c r="G9" s="5" t="s">
        <v>16</v>
      </c>
      <c r="H9" s="7" t="s">
        <v>37</v>
      </c>
      <c r="I9" s="10">
        <v>4021005007818</v>
      </c>
      <c r="K9" s="12">
        <v>0</v>
      </c>
      <c r="L9" s="12">
        <v>0</v>
      </c>
    </row>
    <row r="10" spans="1:12" ht="21.75" customHeight="1" x14ac:dyDescent="0.2">
      <c r="A10" s="5">
        <v>9</v>
      </c>
      <c r="B10" s="6" t="s">
        <v>12</v>
      </c>
      <c r="C10" s="7" t="s">
        <v>13</v>
      </c>
      <c r="D10" s="7" t="s">
        <v>38</v>
      </c>
      <c r="E10" s="8" t="s">
        <v>19</v>
      </c>
      <c r="F10" s="9">
        <v>0</v>
      </c>
      <c r="G10" s="5" t="s">
        <v>16</v>
      </c>
      <c r="H10" s="7" t="s">
        <v>39</v>
      </c>
      <c r="I10" s="10">
        <v>3021005007819</v>
      </c>
      <c r="K10" s="12">
        <v>0</v>
      </c>
      <c r="L10" s="12">
        <v>0</v>
      </c>
    </row>
    <row r="11" spans="1:12" ht="21.75" customHeight="1" x14ac:dyDescent="0.2">
      <c r="A11" s="5">
        <v>10</v>
      </c>
      <c r="B11" s="6" t="s">
        <v>12</v>
      </c>
      <c r="C11" s="7" t="s">
        <v>13</v>
      </c>
      <c r="D11" s="7" t="s">
        <v>38</v>
      </c>
      <c r="E11" s="8" t="s">
        <v>40</v>
      </c>
      <c r="F11" s="9">
        <v>0</v>
      </c>
      <c r="G11" s="5" t="s">
        <v>16</v>
      </c>
      <c r="H11" s="7" t="s">
        <v>41</v>
      </c>
      <c r="I11" s="10">
        <v>9021005007821</v>
      </c>
      <c r="K11" s="12">
        <v>0</v>
      </c>
      <c r="L11" s="12">
        <v>0</v>
      </c>
    </row>
    <row r="12" spans="1:12" ht="21.75" customHeight="1" x14ac:dyDescent="0.2">
      <c r="A12" s="5">
        <v>11</v>
      </c>
      <c r="B12" s="6" t="s">
        <v>12</v>
      </c>
      <c r="C12" s="7" t="s">
        <v>13</v>
      </c>
      <c r="D12" s="7" t="s">
        <v>42</v>
      </c>
      <c r="E12" s="8" t="s">
        <v>33</v>
      </c>
      <c r="F12" s="9">
        <v>0</v>
      </c>
      <c r="G12" s="5" t="s">
        <v>16</v>
      </c>
      <c r="H12" s="7" t="s">
        <v>43</v>
      </c>
      <c r="I12" s="10">
        <v>2021005007828</v>
      </c>
      <c r="K12" s="12">
        <v>0</v>
      </c>
      <c r="L12" s="12">
        <v>0</v>
      </c>
    </row>
    <row r="13" spans="1:12" ht="21.75" customHeight="1" x14ac:dyDescent="0.2">
      <c r="A13" s="5">
        <v>12</v>
      </c>
      <c r="B13" s="6" t="s">
        <v>12</v>
      </c>
      <c r="C13" s="7" t="s">
        <v>13</v>
      </c>
      <c r="D13" s="7" t="s">
        <v>44</v>
      </c>
      <c r="E13" s="8" t="s">
        <v>45</v>
      </c>
      <c r="F13" s="9">
        <v>0</v>
      </c>
      <c r="G13" s="5" t="s">
        <v>16</v>
      </c>
      <c r="H13" s="7" t="s">
        <v>46</v>
      </c>
      <c r="I13" s="10">
        <v>6021005007832</v>
      </c>
      <c r="K13" s="12">
        <v>0</v>
      </c>
      <c r="L13" s="12">
        <v>0</v>
      </c>
    </row>
    <row r="14" spans="1:12" ht="21.75" customHeight="1" x14ac:dyDescent="0.2">
      <c r="A14" s="5">
        <v>13</v>
      </c>
      <c r="B14" s="6" t="s">
        <v>12</v>
      </c>
      <c r="C14" s="7" t="s">
        <v>13</v>
      </c>
      <c r="D14" s="7" t="s">
        <v>47</v>
      </c>
      <c r="E14" s="8" t="s">
        <v>48</v>
      </c>
      <c r="F14" s="9">
        <v>0</v>
      </c>
      <c r="G14" s="5" t="s">
        <v>16</v>
      </c>
      <c r="H14" s="7" t="s">
        <v>49</v>
      </c>
      <c r="I14" s="10">
        <v>5021005007833</v>
      </c>
      <c r="K14" s="12">
        <v>0</v>
      </c>
      <c r="L14" s="12">
        <v>0</v>
      </c>
    </row>
    <row r="15" spans="1:12" ht="21.75" customHeight="1" x14ac:dyDescent="0.2">
      <c r="A15" s="5">
        <v>14</v>
      </c>
      <c r="B15" s="6" t="s">
        <v>12</v>
      </c>
      <c r="C15" s="7" t="s">
        <v>13</v>
      </c>
      <c r="D15" s="7" t="s">
        <v>47</v>
      </c>
      <c r="E15" s="8" t="s">
        <v>22</v>
      </c>
      <c r="F15" s="9">
        <v>0</v>
      </c>
      <c r="G15" s="5" t="s">
        <v>16</v>
      </c>
      <c r="H15" s="7" t="s">
        <v>50</v>
      </c>
      <c r="I15" s="10">
        <v>8021005007830</v>
      </c>
      <c r="K15" s="12">
        <v>0</v>
      </c>
      <c r="L15" s="12">
        <v>0</v>
      </c>
    </row>
    <row r="16" spans="1:12" ht="21.75" customHeight="1" x14ac:dyDescent="0.2">
      <c r="A16" s="5">
        <v>15</v>
      </c>
      <c r="B16" s="6" t="s">
        <v>12</v>
      </c>
      <c r="C16" s="7" t="s">
        <v>13</v>
      </c>
      <c r="D16" s="7" t="s">
        <v>47</v>
      </c>
      <c r="E16" s="8" t="s">
        <v>51</v>
      </c>
      <c r="F16" s="9">
        <v>0</v>
      </c>
      <c r="G16" s="5" t="s">
        <v>16</v>
      </c>
      <c r="H16" s="7" t="s">
        <v>52</v>
      </c>
      <c r="I16" s="10">
        <v>7021005007831</v>
      </c>
      <c r="K16" s="12">
        <v>0</v>
      </c>
      <c r="L16" s="12">
        <v>0</v>
      </c>
    </row>
    <row r="17" spans="1:12" ht="21.75" customHeight="1" x14ac:dyDescent="0.2">
      <c r="A17" s="5">
        <v>16</v>
      </c>
      <c r="B17" s="6" t="s">
        <v>12</v>
      </c>
      <c r="C17" s="7" t="s">
        <v>13</v>
      </c>
      <c r="D17" s="7" t="s">
        <v>53</v>
      </c>
      <c r="E17" s="8" t="s">
        <v>48</v>
      </c>
      <c r="F17" s="9">
        <v>0</v>
      </c>
      <c r="G17" s="5" t="s">
        <v>16</v>
      </c>
      <c r="H17" s="7" t="s">
        <v>54</v>
      </c>
      <c r="I17" s="10">
        <v>8021005008044</v>
      </c>
      <c r="K17" s="12">
        <v>0</v>
      </c>
      <c r="L17" s="12">
        <v>0</v>
      </c>
    </row>
    <row r="18" spans="1:12" ht="21.75" customHeight="1" x14ac:dyDescent="0.2">
      <c r="A18" s="5">
        <v>17</v>
      </c>
      <c r="B18" s="6" t="s">
        <v>12</v>
      </c>
      <c r="C18" s="7" t="s">
        <v>13</v>
      </c>
      <c r="D18" s="7" t="s">
        <v>55</v>
      </c>
      <c r="E18" s="8" t="s">
        <v>22</v>
      </c>
      <c r="F18" s="9">
        <v>0</v>
      </c>
      <c r="G18" s="5" t="s">
        <v>16</v>
      </c>
      <c r="H18" s="7" t="s">
        <v>56</v>
      </c>
      <c r="I18" s="10">
        <v>7021005007880</v>
      </c>
      <c r="K18" s="12">
        <v>0</v>
      </c>
      <c r="L18" s="12">
        <v>0</v>
      </c>
    </row>
    <row r="19" spans="1:12" ht="21.75" customHeight="1" x14ac:dyDescent="0.2">
      <c r="A19" s="5">
        <v>18</v>
      </c>
      <c r="B19" s="6" t="s">
        <v>12</v>
      </c>
      <c r="C19" s="7" t="s">
        <v>13</v>
      </c>
      <c r="D19" s="7" t="s">
        <v>57</v>
      </c>
      <c r="E19" s="8" t="s">
        <v>28</v>
      </c>
      <c r="F19" s="9">
        <v>0</v>
      </c>
      <c r="G19" s="5" t="s">
        <v>16</v>
      </c>
      <c r="H19" s="7" t="s">
        <v>58</v>
      </c>
      <c r="I19" s="10">
        <v>2021005007877</v>
      </c>
      <c r="K19" s="12">
        <v>0</v>
      </c>
      <c r="L19" s="12">
        <v>0</v>
      </c>
    </row>
    <row r="20" spans="1:12" ht="21.75" customHeight="1" x14ac:dyDescent="0.2">
      <c r="A20" s="5">
        <v>19</v>
      </c>
      <c r="B20" s="6" t="s">
        <v>12</v>
      </c>
      <c r="C20" s="7" t="s">
        <v>13</v>
      </c>
      <c r="D20" s="7" t="s">
        <v>59</v>
      </c>
      <c r="E20" s="8" t="s">
        <v>25</v>
      </c>
      <c r="F20" s="9">
        <v>0</v>
      </c>
      <c r="G20" s="5" t="s">
        <v>16</v>
      </c>
      <c r="H20" s="7" t="s">
        <v>60</v>
      </c>
      <c r="I20" s="10">
        <v>6021005007881</v>
      </c>
      <c r="K20" s="12">
        <v>0</v>
      </c>
      <c r="L20" s="12">
        <v>0</v>
      </c>
    </row>
    <row r="21" spans="1:12" ht="21.75" customHeight="1" x14ac:dyDescent="0.2">
      <c r="A21" s="5">
        <v>20</v>
      </c>
      <c r="B21" s="6" t="s">
        <v>12</v>
      </c>
      <c r="C21" s="7" t="s">
        <v>13</v>
      </c>
      <c r="D21" s="7" t="s">
        <v>59</v>
      </c>
      <c r="E21" s="8" t="s">
        <v>15</v>
      </c>
      <c r="F21" s="9">
        <v>0</v>
      </c>
      <c r="G21" s="5" t="s">
        <v>16</v>
      </c>
      <c r="H21" s="7" t="s">
        <v>61</v>
      </c>
      <c r="I21" s="10">
        <v>3021005007884</v>
      </c>
      <c r="K21" s="12">
        <v>0</v>
      </c>
      <c r="L21" s="12">
        <v>0</v>
      </c>
    </row>
    <row r="22" spans="1:12" ht="21.75" customHeight="1" x14ac:dyDescent="0.2">
      <c r="A22" s="5">
        <v>21</v>
      </c>
      <c r="B22" s="6" t="s">
        <v>12</v>
      </c>
      <c r="C22" s="7" t="s">
        <v>13</v>
      </c>
      <c r="D22" s="7" t="s">
        <v>59</v>
      </c>
      <c r="E22" s="8" t="s">
        <v>15</v>
      </c>
      <c r="F22" s="9">
        <v>0</v>
      </c>
      <c r="G22" s="5" t="s">
        <v>16</v>
      </c>
      <c r="H22" s="7" t="s">
        <v>62</v>
      </c>
      <c r="I22" s="10">
        <v>2021005007885</v>
      </c>
      <c r="K22" s="12">
        <v>0</v>
      </c>
      <c r="L22" s="12">
        <v>0</v>
      </c>
    </row>
    <row r="23" spans="1:12" ht="21.75" customHeight="1" x14ac:dyDescent="0.2">
      <c r="A23" s="5">
        <v>22</v>
      </c>
      <c r="B23" s="6" t="s">
        <v>12</v>
      </c>
      <c r="C23" s="7" t="s">
        <v>13</v>
      </c>
      <c r="D23" s="7" t="s">
        <v>59</v>
      </c>
      <c r="E23" s="8" t="s">
        <v>22</v>
      </c>
      <c r="F23" s="9">
        <v>0</v>
      </c>
      <c r="G23" s="5" t="s">
        <v>16</v>
      </c>
      <c r="H23" s="7" t="s">
        <v>63</v>
      </c>
      <c r="I23" s="10">
        <v>5021005007882</v>
      </c>
      <c r="K23" s="12">
        <v>0</v>
      </c>
      <c r="L23" s="12">
        <v>0</v>
      </c>
    </row>
    <row r="24" spans="1:12" ht="21.75" customHeight="1" x14ac:dyDescent="0.2">
      <c r="A24" s="5">
        <v>23</v>
      </c>
      <c r="B24" s="6" t="s">
        <v>12</v>
      </c>
      <c r="C24" s="7" t="s">
        <v>13</v>
      </c>
      <c r="D24" s="7" t="s">
        <v>59</v>
      </c>
      <c r="E24" s="8" t="s">
        <v>33</v>
      </c>
      <c r="F24" s="9">
        <v>0</v>
      </c>
      <c r="G24" s="5" t="s">
        <v>16</v>
      </c>
      <c r="H24" s="7" t="s">
        <v>64</v>
      </c>
      <c r="I24" s="10">
        <v>9021005007879</v>
      </c>
      <c r="K24" s="12">
        <v>0</v>
      </c>
      <c r="L24" s="12">
        <v>0</v>
      </c>
    </row>
    <row r="25" spans="1:12" ht="21.75" customHeight="1" x14ac:dyDescent="0.2">
      <c r="A25" s="5">
        <v>24</v>
      </c>
      <c r="B25" s="6" t="s">
        <v>12</v>
      </c>
      <c r="C25" s="7" t="s">
        <v>13</v>
      </c>
      <c r="D25" s="7" t="s">
        <v>59</v>
      </c>
      <c r="E25" s="8" t="s">
        <v>33</v>
      </c>
      <c r="F25" s="9">
        <v>0</v>
      </c>
      <c r="G25" s="5" t="s">
        <v>16</v>
      </c>
      <c r="H25" s="7" t="s">
        <v>65</v>
      </c>
      <c r="I25" s="10">
        <v>1021005007878</v>
      </c>
      <c r="K25" s="12">
        <v>0</v>
      </c>
      <c r="L25" s="12">
        <v>0</v>
      </c>
    </row>
    <row r="26" spans="1:12" ht="21.75" customHeight="1" x14ac:dyDescent="0.2">
      <c r="A26" s="5">
        <v>25</v>
      </c>
      <c r="B26" s="6" t="s">
        <v>12</v>
      </c>
      <c r="C26" s="7" t="s">
        <v>13</v>
      </c>
      <c r="D26" s="7" t="s">
        <v>66</v>
      </c>
      <c r="E26" s="8" t="s">
        <v>28</v>
      </c>
      <c r="F26" s="9">
        <v>0</v>
      </c>
      <c r="G26" s="5" t="s">
        <v>16</v>
      </c>
      <c r="H26" s="7" t="s">
        <v>67</v>
      </c>
      <c r="I26" s="10">
        <v>7021005007914</v>
      </c>
      <c r="K26" s="12">
        <v>0</v>
      </c>
      <c r="L26" s="12">
        <v>0</v>
      </c>
    </row>
    <row r="27" spans="1:12" ht="21.75" customHeight="1" x14ac:dyDescent="0.2">
      <c r="A27" s="5">
        <v>26</v>
      </c>
      <c r="B27" s="6" t="s">
        <v>12</v>
      </c>
      <c r="C27" s="7" t="s">
        <v>13</v>
      </c>
      <c r="D27" s="7" t="s">
        <v>66</v>
      </c>
      <c r="E27" s="8" t="s">
        <v>51</v>
      </c>
      <c r="F27" s="9">
        <v>0</v>
      </c>
      <c r="G27" s="5" t="s">
        <v>16</v>
      </c>
      <c r="H27" s="7" t="s">
        <v>68</v>
      </c>
      <c r="I27" s="10">
        <v>5021005007916</v>
      </c>
      <c r="K27" s="12">
        <v>0</v>
      </c>
      <c r="L27" s="12">
        <v>0</v>
      </c>
    </row>
    <row r="28" spans="1:12" ht="21.75" customHeight="1" x14ac:dyDescent="0.2">
      <c r="A28" s="5">
        <v>27</v>
      </c>
      <c r="B28" s="6" t="s">
        <v>12</v>
      </c>
      <c r="C28" s="7" t="s">
        <v>13</v>
      </c>
      <c r="D28" s="7" t="s">
        <v>69</v>
      </c>
      <c r="E28" s="8" t="s">
        <v>28</v>
      </c>
      <c r="F28" s="9">
        <v>0</v>
      </c>
      <c r="G28" s="5" t="s">
        <v>16</v>
      </c>
      <c r="H28" s="7" t="s">
        <v>70</v>
      </c>
      <c r="I28" s="10">
        <v>8021005007913</v>
      </c>
      <c r="K28" s="12">
        <v>0</v>
      </c>
      <c r="L28" s="12">
        <v>0</v>
      </c>
    </row>
    <row r="29" spans="1:12" ht="21.75" customHeight="1" x14ac:dyDescent="0.2">
      <c r="A29" s="5">
        <v>28</v>
      </c>
      <c r="B29" s="6" t="s">
        <v>12</v>
      </c>
      <c r="C29" s="7" t="s">
        <v>13</v>
      </c>
      <c r="D29" s="7" t="s">
        <v>69</v>
      </c>
      <c r="E29" s="8" t="s">
        <v>71</v>
      </c>
      <c r="F29" s="9">
        <v>0</v>
      </c>
      <c r="G29" s="5" t="s">
        <v>16</v>
      </c>
      <c r="H29" s="7" t="s">
        <v>72</v>
      </c>
      <c r="I29" s="10">
        <v>6021005007915</v>
      </c>
      <c r="K29" s="12">
        <v>0</v>
      </c>
      <c r="L29" s="12">
        <v>0</v>
      </c>
    </row>
    <row r="30" spans="1:12" ht="21.75" customHeight="1" x14ac:dyDescent="0.2">
      <c r="A30" s="5">
        <v>29</v>
      </c>
      <c r="B30" s="6" t="s">
        <v>12</v>
      </c>
      <c r="C30" s="7" t="s">
        <v>13</v>
      </c>
      <c r="D30" s="7" t="s">
        <v>69</v>
      </c>
      <c r="E30" s="8" t="s">
        <v>33</v>
      </c>
      <c r="F30" s="9">
        <v>0</v>
      </c>
      <c r="G30" s="5" t="s">
        <v>16</v>
      </c>
      <c r="H30" s="7" t="s">
        <v>73</v>
      </c>
      <c r="I30" s="10">
        <v>4021005007917</v>
      </c>
      <c r="K30" s="12">
        <v>0</v>
      </c>
      <c r="L30" s="12">
        <v>0</v>
      </c>
    </row>
    <row r="31" spans="1:12" ht="21.75" customHeight="1" x14ac:dyDescent="0.2">
      <c r="A31" s="5">
        <v>30</v>
      </c>
      <c r="B31" s="6" t="s">
        <v>12</v>
      </c>
      <c r="C31" s="7" t="s">
        <v>13</v>
      </c>
      <c r="D31" s="7" t="s">
        <v>74</v>
      </c>
      <c r="E31" s="8" t="s">
        <v>33</v>
      </c>
      <c r="F31" s="9">
        <v>0</v>
      </c>
      <c r="G31" s="5" t="s">
        <v>16</v>
      </c>
      <c r="H31" s="7" t="s">
        <v>75</v>
      </c>
      <c r="I31" s="10">
        <v>9021005007912</v>
      </c>
      <c r="K31" s="12">
        <v>0</v>
      </c>
      <c r="L31" s="12">
        <v>0</v>
      </c>
    </row>
    <row r="32" spans="1:12" ht="21.75" customHeight="1" x14ac:dyDescent="0.2">
      <c r="A32" s="5">
        <v>31</v>
      </c>
      <c r="B32" s="6" t="s">
        <v>12</v>
      </c>
      <c r="C32" s="7" t="s">
        <v>13</v>
      </c>
      <c r="D32" s="7" t="s">
        <v>76</v>
      </c>
      <c r="E32" s="8" t="s">
        <v>77</v>
      </c>
      <c r="F32" s="9">
        <v>0</v>
      </c>
      <c r="G32" s="5" t="s">
        <v>16</v>
      </c>
      <c r="H32" s="7" t="s">
        <v>78</v>
      </c>
      <c r="I32" s="10">
        <v>4021005007933</v>
      </c>
      <c r="K32" s="12">
        <v>0</v>
      </c>
      <c r="L32" s="12">
        <v>0</v>
      </c>
    </row>
    <row r="33" spans="1:12" ht="21.75" customHeight="1" x14ac:dyDescent="0.2">
      <c r="A33" s="5">
        <v>32</v>
      </c>
      <c r="B33" s="6" t="s">
        <v>12</v>
      </c>
      <c r="C33" s="7" t="s">
        <v>13</v>
      </c>
      <c r="D33" s="7" t="s">
        <v>79</v>
      </c>
      <c r="E33" s="8" t="s">
        <v>45</v>
      </c>
      <c r="F33" s="9">
        <v>0</v>
      </c>
      <c r="G33" s="5" t="s">
        <v>16</v>
      </c>
      <c r="H33" s="7" t="s">
        <v>80</v>
      </c>
      <c r="I33" s="10">
        <v>5021005007940</v>
      </c>
      <c r="K33" s="12">
        <v>0</v>
      </c>
      <c r="L33" s="12">
        <v>0</v>
      </c>
    </row>
    <row r="34" spans="1:12" ht="21.75" customHeight="1" x14ac:dyDescent="0.2">
      <c r="A34" s="5">
        <v>33</v>
      </c>
      <c r="B34" s="6" t="s">
        <v>12</v>
      </c>
      <c r="C34" s="7" t="s">
        <v>13</v>
      </c>
      <c r="D34" s="7" t="s">
        <v>81</v>
      </c>
      <c r="E34" s="8" t="s">
        <v>33</v>
      </c>
      <c r="F34" s="9">
        <v>0</v>
      </c>
      <c r="G34" s="5" t="s">
        <v>16</v>
      </c>
      <c r="H34" s="7" t="s">
        <v>82</v>
      </c>
      <c r="I34" s="10">
        <v>8021005007946</v>
      </c>
      <c r="K34" s="12">
        <v>0</v>
      </c>
      <c r="L34" s="12">
        <v>0</v>
      </c>
    </row>
    <row r="35" spans="1:12" ht="21.75" customHeight="1" x14ac:dyDescent="0.2">
      <c r="A35" s="5">
        <v>34</v>
      </c>
      <c r="B35" s="6" t="s">
        <v>12</v>
      </c>
      <c r="C35" s="7" t="s">
        <v>13</v>
      </c>
      <c r="D35" s="7" t="s">
        <v>83</v>
      </c>
      <c r="E35" s="8" t="s">
        <v>33</v>
      </c>
      <c r="F35" s="9">
        <v>0</v>
      </c>
      <c r="G35" s="5" t="s">
        <v>16</v>
      </c>
      <c r="H35" s="7" t="s">
        <v>84</v>
      </c>
      <c r="I35" s="10">
        <v>5021005007957</v>
      </c>
      <c r="K35" s="12">
        <v>0</v>
      </c>
      <c r="L35" s="12">
        <v>0</v>
      </c>
    </row>
    <row r="36" spans="1:12" ht="21.75" customHeight="1" x14ac:dyDescent="0.2">
      <c r="A36" s="5">
        <v>35</v>
      </c>
      <c r="B36" s="6" t="s">
        <v>12</v>
      </c>
      <c r="C36" s="7" t="s">
        <v>13</v>
      </c>
      <c r="D36" s="7" t="s">
        <v>85</v>
      </c>
      <c r="E36" s="8" t="s">
        <v>86</v>
      </c>
      <c r="F36" s="9">
        <v>0</v>
      </c>
      <c r="G36" s="5" t="s">
        <v>16</v>
      </c>
      <c r="H36" s="7" t="s">
        <v>87</v>
      </c>
      <c r="I36" s="10">
        <v>6021005007964</v>
      </c>
      <c r="K36" s="12">
        <v>0</v>
      </c>
      <c r="L36" s="12">
        <v>0</v>
      </c>
    </row>
    <row r="37" spans="1:12" ht="21.75" customHeight="1" x14ac:dyDescent="0.2">
      <c r="A37" s="5">
        <v>36</v>
      </c>
      <c r="B37" s="6" t="s">
        <v>12</v>
      </c>
      <c r="C37" s="7" t="s">
        <v>13</v>
      </c>
      <c r="D37" s="7" t="s">
        <v>88</v>
      </c>
      <c r="E37" s="8" t="s">
        <v>86</v>
      </c>
      <c r="F37" s="9">
        <v>0</v>
      </c>
      <c r="G37" s="5" t="s">
        <v>16</v>
      </c>
      <c r="H37" s="7" t="s">
        <v>89</v>
      </c>
      <c r="I37" s="10">
        <v>5021005007965</v>
      </c>
      <c r="K37" s="12">
        <v>0</v>
      </c>
      <c r="L37" s="12">
        <v>0</v>
      </c>
    </row>
    <row r="38" spans="1:12" ht="21.75" customHeight="1" x14ac:dyDescent="0.2">
      <c r="A38" s="5">
        <v>37</v>
      </c>
      <c r="B38" s="6" t="s">
        <v>12</v>
      </c>
      <c r="C38" s="7" t="s">
        <v>13</v>
      </c>
      <c r="D38" s="7" t="s">
        <v>90</v>
      </c>
      <c r="E38" s="8" t="s">
        <v>33</v>
      </c>
      <c r="F38" s="9">
        <v>0</v>
      </c>
      <c r="G38" s="5" t="s">
        <v>16</v>
      </c>
      <c r="H38" s="7" t="s">
        <v>91</v>
      </c>
      <c r="I38" s="10">
        <v>6021005007980</v>
      </c>
      <c r="K38" s="12">
        <v>0</v>
      </c>
      <c r="L38" s="12">
        <v>0</v>
      </c>
    </row>
    <row r="39" spans="1:12" ht="21.75" customHeight="1" x14ac:dyDescent="0.2">
      <c r="A39" s="5">
        <v>38</v>
      </c>
      <c r="B39" s="6" t="s">
        <v>12</v>
      </c>
      <c r="C39" s="7" t="s">
        <v>13</v>
      </c>
      <c r="D39" s="7" t="s">
        <v>92</v>
      </c>
      <c r="E39" s="8" t="s">
        <v>33</v>
      </c>
      <c r="F39" s="9">
        <v>0</v>
      </c>
      <c r="G39" s="5" t="s">
        <v>16</v>
      </c>
      <c r="H39" s="7" t="s">
        <v>93</v>
      </c>
      <c r="I39" s="10">
        <v>5021005007998</v>
      </c>
      <c r="K39" s="12">
        <v>0</v>
      </c>
      <c r="L39" s="12">
        <v>0</v>
      </c>
    </row>
    <row r="40" spans="1:12" ht="21.75" customHeight="1" x14ac:dyDescent="0.2">
      <c r="A40" s="5">
        <v>39</v>
      </c>
      <c r="B40" s="6" t="s">
        <v>12</v>
      </c>
      <c r="C40" s="7" t="s">
        <v>13</v>
      </c>
      <c r="D40" s="7" t="s">
        <v>94</v>
      </c>
      <c r="E40" s="8" t="s">
        <v>19</v>
      </c>
      <c r="F40" s="9">
        <v>0</v>
      </c>
      <c r="G40" s="5" t="s">
        <v>16</v>
      </c>
      <c r="H40" s="7" t="s">
        <v>95</v>
      </c>
      <c r="I40" s="10">
        <v>9021005008002</v>
      </c>
      <c r="K40" s="12">
        <v>0</v>
      </c>
      <c r="L40" s="12">
        <v>0</v>
      </c>
    </row>
    <row r="41" spans="1:12" ht="21.75" customHeight="1" x14ac:dyDescent="0.2">
      <c r="A41" s="5">
        <v>40</v>
      </c>
      <c r="B41" s="6" t="s">
        <v>12</v>
      </c>
      <c r="C41" s="7" t="s">
        <v>13</v>
      </c>
      <c r="D41" s="7" t="s">
        <v>96</v>
      </c>
      <c r="E41" s="8" t="s">
        <v>25</v>
      </c>
      <c r="F41" s="9">
        <v>0</v>
      </c>
      <c r="G41" s="5" t="s">
        <v>16</v>
      </c>
      <c r="H41" s="7" t="s">
        <v>97</v>
      </c>
      <c r="I41" s="10">
        <v>8021005008003</v>
      </c>
      <c r="K41" s="12">
        <v>0</v>
      </c>
      <c r="L41" s="12">
        <v>0</v>
      </c>
    </row>
    <row r="42" spans="1:12" ht="21.75" customHeight="1" x14ac:dyDescent="0.2">
      <c r="A42" s="5">
        <v>41</v>
      </c>
      <c r="B42" s="6" t="s">
        <v>12</v>
      </c>
      <c r="C42" s="7" t="s">
        <v>13</v>
      </c>
      <c r="D42" s="7" t="s">
        <v>98</v>
      </c>
      <c r="E42" s="8" t="s">
        <v>51</v>
      </c>
      <c r="F42" s="9">
        <v>0</v>
      </c>
      <c r="G42" s="5" t="s">
        <v>16</v>
      </c>
      <c r="H42" s="7" t="s">
        <v>99</v>
      </c>
      <c r="I42" s="10">
        <v>7021005008004</v>
      </c>
      <c r="K42" s="12">
        <v>0</v>
      </c>
      <c r="L42" s="12">
        <v>0</v>
      </c>
    </row>
    <row r="43" spans="1:12" ht="21.75" customHeight="1" x14ac:dyDescent="0.2">
      <c r="A43" s="5">
        <v>42</v>
      </c>
      <c r="B43" s="6" t="s">
        <v>12</v>
      </c>
      <c r="C43" s="7" t="s">
        <v>13</v>
      </c>
      <c r="D43" s="7" t="s">
        <v>100</v>
      </c>
      <c r="E43" s="8" t="s">
        <v>48</v>
      </c>
      <c r="F43" s="9">
        <v>0</v>
      </c>
      <c r="G43" s="5" t="s">
        <v>16</v>
      </c>
      <c r="H43" s="7" t="s">
        <v>101</v>
      </c>
      <c r="I43" s="10">
        <v>7021005008061</v>
      </c>
      <c r="K43" s="12">
        <v>0</v>
      </c>
      <c r="L43" s="12">
        <v>0</v>
      </c>
    </row>
    <row r="44" spans="1:12" ht="21.75" customHeight="1" x14ac:dyDescent="0.2">
      <c r="A44" s="5">
        <v>43</v>
      </c>
      <c r="B44" s="6" t="s">
        <v>12</v>
      </c>
      <c r="C44" s="7" t="s">
        <v>13</v>
      </c>
      <c r="D44" s="7" t="s">
        <v>100</v>
      </c>
      <c r="E44" s="8" t="s">
        <v>77</v>
      </c>
      <c r="F44" s="9">
        <v>0</v>
      </c>
      <c r="G44" s="5" t="s">
        <v>16</v>
      </c>
      <c r="H44" s="7" t="s">
        <v>102</v>
      </c>
      <c r="I44" s="10">
        <v>3021005008057</v>
      </c>
      <c r="K44" s="12">
        <v>0</v>
      </c>
      <c r="L44" s="12">
        <v>0</v>
      </c>
    </row>
    <row r="45" spans="1:12" ht="21.75" customHeight="1" x14ac:dyDescent="0.2">
      <c r="A45" s="5">
        <v>44</v>
      </c>
      <c r="B45" s="6" t="s">
        <v>12</v>
      </c>
      <c r="C45" s="7" t="s">
        <v>13</v>
      </c>
      <c r="D45" s="7" t="s">
        <v>100</v>
      </c>
      <c r="E45" s="8" t="s">
        <v>33</v>
      </c>
      <c r="F45" s="9">
        <v>0</v>
      </c>
      <c r="G45" s="5" t="s">
        <v>16</v>
      </c>
      <c r="H45" s="7" t="s">
        <v>103</v>
      </c>
      <c r="I45" s="10">
        <v>5021005008055</v>
      </c>
      <c r="K45" s="12">
        <v>0</v>
      </c>
      <c r="L45" s="12">
        <v>0</v>
      </c>
    </row>
    <row r="46" spans="1:12" ht="21.75" customHeight="1" x14ac:dyDescent="0.2">
      <c r="A46" s="5">
        <v>45</v>
      </c>
      <c r="B46" s="6" t="s">
        <v>12</v>
      </c>
      <c r="C46" s="7" t="s">
        <v>13</v>
      </c>
      <c r="D46" s="7" t="s">
        <v>100</v>
      </c>
      <c r="E46" s="8" t="s">
        <v>40</v>
      </c>
      <c r="F46" s="9">
        <v>0</v>
      </c>
      <c r="G46" s="5" t="s">
        <v>16</v>
      </c>
      <c r="H46" s="7" t="s">
        <v>104</v>
      </c>
      <c r="I46" s="10">
        <v>1021005008059</v>
      </c>
      <c r="K46" s="12">
        <v>0</v>
      </c>
      <c r="L46" s="12">
        <v>0</v>
      </c>
    </row>
    <row r="47" spans="1:12" ht="21.75" customHeight="1" x14ac:dyDescent="0.2">
      <c r="A47" s="5">
        <v>46</v>
      </c>
      <c r="B47" s="6" t="s">
        <v>12</v>
      </c>
      <c r="C47" s="7" t="s">
        <v>13</v>
      </c>
      <c r="D47" s="7" t="s">
        <v>105</v>
      </c>
      <c r="E47" s="8" t="s">
        <v>33</v>
      </c>
      <c r="F47" s="9">
        <v>0</v>
      </c>
      <c r="G47" s="5" t="s">
        <v>16</v>
      </c>
      <c r="H47" s="7" t="s">
        <v>106</v>
      </c>
      <c r="I47" s="10">
        <v>6021005008005</v>
      </c>
      <c r="K47" s="12">
        <v>0</v>
      </c>
      <c r="L47" s="12">
        <v>0</v>
      </c>
    </row>
    <row r="48" spans="1:12" ht="21.75" customHeight="1" x14ac:dyDescent="0.2">
      <c r="A48" s="5">
        <v>47</v>
      </c>
      <c r="B48" s="6" t="s">
        <v>12</v>
      </c>
      <c r="C48" s="7" t="s">
        <v>13</v>
      </c>
      <c r="D48" s="7" t="s">
        <v>107</v>
      </c>
      <c r="E48" s="8" t="s">
        <v>33</v>
      </c>
      <c r="F48" s="9">
        <v>0</v>
      </c>
      <c r="G48" s="5" t="s">
        <v>16</v>
      </c>
      <c r="H48" s="7" t="s">
        <v>108</v>
      </c>
      <c r="I48" s="10">
        <v>9021005008010</v>
      </c>
      <c r="K48" s="12">
        <v>0</v>
      </c>
      <c r="L48" s="12">
        <v>0</v>
      </c>
    </row>
    <row r="49" spans="1:12" ht="21.75" customHeight="1" x14ac:dyDescent="0.2">
      <c r="A49" s="5">
        <v>48</v>
      </c>
      <c r="B49" s="6" t="s">
        <v>12</v>
      </c>
      <c r="C49" s="7" t="s">
        <v>13</v>
      </c>
      <c r="D49" s="7" t="s">
        <v>109</v>
      </c>
      <c r="E49" s="8" t="s">
        <v>51</v>
      </c>
      <c r="F49" s="9">
        <v>0</v>
      </c>
      <c r="G49" s="5" t="s">
        <v>16</v>
      </c>
      <c r="H49" s="7" t="s">
        <v>110</v>
      </c>
      <c r="I49" s="10">
        <v>3021005008049</v>
      </c>
      <c r="K49" s="12">
        <v>0</v>
      </c>
      <c r="L49" s="12">
        <v>0</v>
      </c>
    </row>
    <row r="50" spans="1:12" ht="21.75" customHeight="1" x14ac:dyDescent="0.2">
      <c r="A50" s="5">
        <v>49</v>
      </c>
      <c r="B50" s="6" t="s">
        <v>12</v>
      </c>
      <c r="C50" s="7" t="s">
        <v>13</v>
      </c>
      <c r="D50" s="7" t="s">
        <v>111</v>
      </c>
      <c r="E50" s="8" t="s">
        <v>45</v>
      </c>
      <c r="F50" s="9">
        <v>0</v>
      </c>
      <c r="G50" s="5" t="s">
        <v>16</v>
      </c>
      <c r="H50" s="7" t="s">
        <v>112</v>
      </c>
      <c r="I50" s="10">
        <v>7021005008045</v>
      </c>
      <c r="K50" s="12">
        <v>0</v>
      </c>
      <c r="L50" s="12">
        <v>0</v>
      </c>
    </row>
    <row r="51" spans="1:12" ht="21.75" customHeight="1" x14ac:dyDescent="0.2">
      <c r="A51" s="5">
        <v>50</v>
      </c>
      <c r="B51" s="6" t="s">
        <v>12</v>
      </c>
      <c r="C51" s="7" t="s">
        <v>13</v>
      </c>
      <c r="D51" s="7" t="s">
        <v>113</v>
      </c>
      <c r="E51" s="8" t="s">
        <v>48</v>
      </c>
      <c r="F51" s="9">
        <v>0</v>
      </c>
      <c r="G51" s="5" t="s">
        <v>16</v>
      </c>
      <c r="H51" s="7" t="s">
        <v>114</v>
      </c>
      <c r="I51" s="10">
        <v>6021005008046</v>
      </c>
      <c r="K51" s="12">
        <v>0</v>
      </c>
      <c r="L51" s="12">
        <v>0</v>
      </c>
    </row>
    <row r="52" spans="1:12" ht="21.75" customHeight="1" x14ac:dyDescent="0.2">
      <c r="A52" s="5">
        <v>51</v>
      </c>
      <c r="B52" s="6" t="s">
        <v>12</v>
      </c>
      <c r="C52" s="7" t="s">
        <v>13</v>
      </c>
      <c r="D52" s="7" t="s">
        <v>115</v>
      </c>
      <c r="E52" s="8" t="s">
        <v>33</v>
      </c>
      <c r="F52" s="9">
        <v>0</v>
      </c>
      <c r="G52" s="5" t="s">
        <v>16</v>
      </c>
      <c r="H52" s="7" t="s">
        <v>116</v>
      </c>
      <c r="I52" s="10">
        <v>9021005008043</v>
      </c>
      <c r="K52" s="12">
        <v>0</v>
      </c>
      <c r="L52" s="12">
        <v>0</v>
      </c>
    </row>
    <row r="53" spans="1:12" ht="21.75" customHeight="1" x14ac:dyDescent="0.2">
      <c r="A53" s="5">
        <v>52</v>
      </c>
      <c r="B53" s="6" t="s">
        <v>12</v>
      </c>
      <c r="C53" s="7" t="s">
        <v>13</v>
      </c>
      <c r="D53" s="7" t="s">
        <v>117</v>
      </c>
      <c r="E53" s="8" t="s">
        <v>51</v>
      </c>
      <c r="F53" s="9">
        <v>0</v>
      </c>
      <c r="G53" s="5" t="s">
        <v>16</v>
      </c>
      <c r="H53" s="7" t="s">
        <v>118</v>
      </c>
      <c r="I53" s="10">
        <v>8021005008060</v>
      </c>
      <c r="K53" s="12">
        <v>0</v>
      </c>
      <c r="L53" s="12">
        <v>0</v>
      </c>
    </row>
    <row r="54" spans="1:12" ht="21.75" customHeight="1" x14ac:dyDescent="0.2">
      <c r="A54" s="5">
        <v>53</v>
      </c>
      <c r="B54" s="6" t="s">
        <v>12</v>
      </c>
      <c r="C54" s="7" t="s">
        <v>13</v>
      </c>
      <c r="D54" s="7" t="s">
        <v>119</v>
      </c>
      <c r="E54" s="8" t="s">
        <v>33</v>
      </c>
      <c r="F54" s="9">
        <v>0</v>
      </c>
      <c r="G54" s="5" t="s">
        <v>16</v>
      </c>
      <c r="H54" s="7" t="s">
        <v>120</v>
      </c>
      <c r="I54" s="10">
        <v>4021005008056</v>
      </c>
      <c r="K54" s="12">
        <v>0</v>
      </c>
      <c r="L54" s="12">
        <v>0</v>
      </c>
    </row>
    <row r="55" spans="1:12" ht="21.75" customHeight="1" x14ac:dyDescent="0.2">
      <c r="A55" s="5">
        <v>54</v>
      </c>
      <c r="B55" s="6" t="s">
        <v>12</v>
      </c>
      <c r="C55" s="7" t="s">
        <v>13</v>
      </c>
      <c r="D55" s="7" t="s">
        <v>121</v>
      </c>
      <c r="E55" s="8" t="s">
        <v>25</v>
      </c>
      <c r="F55" s="9">
        <v>0</v>
      </c>
      <c r="G55" s="5" t="s">
        <v>16</v>
      </c>
      <c r="H55" s="7" t="s">
        <v>122</v>
      </c>
      <c r="I55" s="10">
        <v>2021005008058</v>
      </c>
      <c r="K55" s="12">
        <v>0</v>
      </c>
      <c r="L55" s="12">
        <v>0</v>
      </c>
    </row>
    <row r="56" spans="1:12" ht="21.75" customHeight="1" x14ac:dyDescent="0.2">
      <c r="A56" s="5">
        <v>55</v>
      </c>
      <c r="B56" s="6" t="s">
        <v>12</v>
      </c>
      <c r="C56" s="7" t="s">
        <v>13</v>
      </c>
      <c r="D56" s="7" t="s">
        <v>123</v>
      </c>
      <c r="E56" s="8" t="s">
        <v>19</v>
      </c>
      <c r="F56" s="9">
        <v>0</v>
      </c>
      <c r="G56" s="5" t="s">
        <v>16</v>
      </c>
      <c r="H56" s="7" t="s">
        <v>124</v>
      </c>
      <c r="I56" s="10">
        <v>9021005008068</v>
      </c>
      <c r="K56" s="12">
        <v>0</v>
      </c>
      <c r="L56" s="12">
        <v>0</v>
      </c>
    </row>
    <row r="57" spans="1:12" ht="21.75" customHeight="1" x14ac:dyDescent="0.2">
      <c r="A57" s="5">
        <v>56</v>
      </c>
      <c r="B57" s="6" t="s">
        <v>12</v>
      </c>
      <c r="C57" s="7" t="s">
        <v>125</v>
      </c>
      <c r="D57" s="7" t="s">
        <v>126</v>
      </c>
      <c r="E57" s="8" t="s">
        <v>127</v>
      </c>
      <c r="F57" s="9">
        <v>0</v>
      </c>
      <c r="G57" s="5" t="s">
        <v>16</v>
      </c>
      <c r="H57" s="7" t="s">
        <v>128</v>
      </c>
      <c r="I57" s="10">
        <v>4021005007859</v>
      </c>
      <c r="K57" s="12">
        <v>0</v>
      </c>
      <c r="L57" s="12">
        <v>0</v>
      </c>
    </row>
    <row r="58" spans="1:12" ht="21.75" customHeight="1" x14ac:dyDescent="0.2">
      <c r="A58" s="5">
        <v>57</v>
      </c>
      <c r="B58" s="6" t="s">
        <v>12</v>
      </c>
      <c r="C58" s="7" t="s">
        <v>129</v>
      </c>
      <c r="D58" s="7" t="s">
        <v>130</v>
      </c>
      <c r="E58" s="8" t="s">
        <v>131</v>
      </c>
      <c r="F58" s="9">
        <v>0</v>
      </c>
      <c r="G58" s="5" t="s">
        <v>16</v>
      </c>
      <c r="H58" s="7" t="s">
        <v>132</v>
      </c>
      <c r="I58" s="10">
        <v>4021005007900</v>
      </c>
      <c r="K58" s="12">
        <v>0</v>
      </c>
      <c r="L58" s="12">
        <v>0</v>
      </c>
    </row>
    <row r="59" spans="1:12" ht="21.75" customHeight="1" x14ac:dyDescent="0.2">
      <c r="A59" s="5">
        <v>58</v>
      </c>
      <c r="B59" s="6" t="s">
        <v>12</v>
      </c>
      <c r="C59" s="7" t="s">
        <v>133</v>
      </c>
      <c r="D59" s="7" t="s">
        <v>134</v>
      </c>
      <c r="E59" s="8" t="s">
        <v>135</v>
      </c>
      <c r="F59" s="9">
        <v>0</v>
      </c>
      <c r="G59" s="5" t="s">
        <v>16</v>
      </c>
      <c r="H59" s="7" t="s">
        <v>136</v>
      </c>
      <c r="I59" s="10">
        <v>1021005007804</v>
      </c>
      <c r="K59" s="12">
        <v>0</v>
      </c>
      <c r="L59" s="12">
        <v>0</v>
      </c>
    </row>
    <row r="60" spans="1:12" ht="21.75" customHeight="1" x14ac:dyDescent="0.2">
      <c r="A60" s="5">
        <v>59</v>
      </c>
      <c r="B60" s="6" t="s">
        <v>12</v>
      </c>
      <c r="C60" s="7" t="s">
        <v>137</v>
      </c>
      <c r="D60" s="7" t="s">
        <v>138</v>
      </c>
      <c r="E60" s="8" t="s">
        <v>139</v>
      </c>
      <c r="F60" s="9">
        <v>0</v>
      </c>
      <c r="G60" s="5" t="s">
        <v>16</v>
      </c>
      <c r="H60" s="7" t="s">
        <v>140</v>
      </c>
      <c r="I60" s="10">
        <v>4021005008031</v>
      </c>
      <c r="K60" s="12">
        <v>0</v>
      </c>
      <c r="L60" s="12">
        <v>0</v>
      </c>
    </row>
    <row r="61" spans="1:12" ht="21.75" customHeight="1" x14ac:dyDescent="0.2">
      <c r="A61" s="5">
        <v>60</v>
      </c>
      <c r="B61" s="6" t="s">
        <v>12</v>
      </c>
      <c r="C61" s="7" t="s">
        <v>141</v>
      </c>
      <c r="D61" s="7" t="s">
        <v>142</v>
      </c>
      <c r="E61" s="8" t="s">
        <v>143</v>
      </c>
      <c r="F61" s="9">
        <v>0</v>
      </c>
      <c r="G61" s="5" t="s">
        <v>16</v>
      </c>
      <c r="H61" s="7" t="s">
        <v>144</v>
      </c>
      <c r="I61" s="10">
        <v>1021005007894</v>
      </c>
      <c r="K61" s="12">
        <v>0</v>
      </c>
      <c r="L61" s="12">
        <v>0</v>
      </c>
    </row>
    <row r="62" spans="1:12" ht="21.75" customHeight="1" x14ac:dyDescent="0.2">
      <c r="A62" s="5">
        <v>61</v>
      </c>
      <c r="B62" s="6" t="s">
        <v>12</v>
      </c>
      <c r="C62" s="7" t="s">
        <v>141</v>
      </c>
      <c r="D62" s="7" t="s">
        <v>145</v>
      </c>
      <c r="E62" s="8" t="s">
        <v>146</v>
      </c>
      <c r="F62" s="9">
        <v>0</v>
      </c>
      <c r="G62" s="5" t="s">
        <v>16</v>
      </c>
      <c r="H62" s="7" t="s">
        <v>147</v>
      </c>
      <c r="I62" s="10">
        <v>2021005007893</v>
      </c>
      <c r="K62" s="12">
        <v>0</v>
      </c>
      <c r="L62" s="12">
        <v>0</v>
      </c>
    </row>
    <row r="63" spans="1:12" ht="21.75" customHeight="1" x14ac:dyDescent="0.2">
      <c r="A63" s="5">
        <v>62</v>
      </c>
      <c r="B63" s="6" t="s">
        <v>12</v>
      </c>
      <c r="C63" s="7" t="s">
        <v>148</v>
      </c>
      <c r="D63" s="7" t="s">
        <v>149</v>
      </c>
      <c r="E63" s="8" t="s">
        <v>150</v>
      </c>
      <c r="F63" s="9">
        <v>0</v>
      </c>
      <c r="G63" s="5" t="s">
        <v>16</v>
      </c>
      <c r="H63" s="7" t="s">
        <v>151</v>
      </c>
      <c r="I63" s="10">
        <v>6021005007840</v>
      </c>
      <c r="K63" s="12">
        <v>0</v>
      </c>
      <c r="L63" s="12">
        <v>0</v>
      </c>
    </row>
    <row r="64" spans="1:12" ht="21.75" customHeight="1" x14ac:dyDescent="0.2">
      <c r="A64" s="5">
        <v>63</v>
      </c>
      <c r="B64" s="6" t="s">
        <v>152</v>
      </c>
      <c r="C64" s="7" t="s">
        <v>153</v>
      </c>
      <c r="D64" s="7" t="s">
        <v>154</v>
      </c>
      <c r="E64" s="8" t="s">
        <v>155</v>
      </c>
      <c r="F64" s="9">
        <v>0</v>
      </c>
      <c r="G64" s="5" t="s">
        <v>16</v>
      </c>
      <c r="H64" s="7" t="s">
        <v>156</v>
      </c>
      <c r="I64" s="10">
        <v>1021005007977</v>
      </c>
      <c r="K64" s="12">
        <v>0</v>
      </c>
      <c r="L64" s="12">
        <v>0</v>
      </c>
    </row>
    <row r="65" spans="1:12" ht="21.75" customHeight="1" x14ac:dyDescent="0.2">
      <c r="A65" s="5">
        <v>64</v>
      </c>
      <c r="B65" s="6" t="s">
        <v>152</v>
      </c>
      <c r="C65" s="7" t="s">
        <v>153</v>
      </c>
      <c r="D65" s="7" t="s">
        <v>157</v>
      </c>
      <c r="E65" s="8" t="s">
        <v>158</v>
      </c>
      <c r="F65" s="9">
        <v>0</v>
      </c>
      <c r="G65" s="5" t="s">
        <v>16</v>
      </c>
      <c r="H65" s="7" t="s">
        <v>159</v>
      </c>
      <c r="I65" s="10">
        <v>4021005008015</v>
      </c>
      <c r="K65" s="12">
        <v>0</v>
      </c>
      <c r="L65" s="12">
        <v>0</v>
      </c>
    </row>
    <row r="66" spans="1:12" ht="21.75" customHeight="1" x14ac:dyDescent="0.2">
      <c r="A66" s="5">
        <v>65</v>
      </c>
      <c r="B66" s="6" t="s">
        <v>152</v>
      </c>
      <c r="C66" s="7" t="s">
        <v>160</v>
      </c>
      <c r="D66" s="7" t="s">
        <v>161</v>
      </c>
      <c r="E66" s="8" t="s">
        <v>162</v>
      </c>
      <c r="F66" s="9" t="s">
        <v>163</v>
      </c>
      <c r="G66" s="5" t="s">
        <v>16</v>
      </c>
      <c r="H66" s="7" t="s">
        <v>164</v>
      </c>
      <c r="I66" s="10">
        <v>7021005007807</v>
      </c>
      <c r="K66" s="12">
        <v>0</v>
      </c>
      <c r="L66" s="12">
        <v>0</v>
      </c>
    </row>
    <row r="67" spans="1:12" ht="21.75" customHeight="1" x14ac:dyDescent="0.2">
      <c r="A67" s="5">
        <v>66</v>
      </c>
      <c r="B67" s="6" t="s">
        <v>152</v>
      </c>
      <c r="C67" s="7" t="s">
        <v>160</v>
      </c>
      <c r="D67" s="7" t="s">
        <v>165</v>
      </c>
      <c r="E67" s="8" t="s">
        <v>166</v>
      </c>
      <c r="F67" s="9">
        <v>0</v>
      </c>
      <c r="G67" s="5" t="s">
        <v>16</v>
      </c>
      <c r="H67" s="7" t="s">
        <v>167</v>
      </c>
      <c r="I67" s="10">
        <v>6021005008145</v>
      </c>
      <c r="K67" s="12">
        <v>0</v>
      </c>
      <c r="L67" s="12">
        <v>0</v>
      </c>
    </row>
    <row r="68" spans="1:12" ht="21.75" customHeight="1" x14ac:dyDescent="0.2">
      <c r="A68" s="5">
        <v>67</v>
      </c>
      <c r="B68" s="6" t="s">
        <v>152</v>
      </c>
      <c r="C68" s="7" t="s">
        <v>168</v>
      </c>
      <c r="D68" s="7" t="s">
        <v>169</v>
      </c>
      <c r="E68" s="8" t="s">
        <v>170</v>
      </c>
      <c r="F68" s="9">
        <v>0</v>
      </c>
      <c r="G68" s="5" t="s">
        <v>16</v>
      </c>
      <c r="H68" s="7" t="s">
        <v>171</v>
      </c>
      <c r="I68" s="10">
        <v>3021005007959</v>
      </c>
      <c r="K68" s="12">
        <v>0</v>
      </c>
      <c r="L68" s="12">
        <v>0</v>
      </c>
    </row>
    <row r="69" spans="1:12" ht="21.75" customHeight="1" x14ac:dyDescent="0.2">
      <c r="A69" s="5">
        <v>68</v>
      </c>
      <c r="B69" s="6" t="s">
        <v>152</v>
      </c>
      <c r="C69" s="7" t="s">
        <v>172</v>
      </c>
      <c r="D69" s="7" t="s">
        <v>161</v>
      </c>
      <c r="E69" s="8" t="s">
        <v>173</v>
      </c>
      <c r="F69" s="9">
        <v>0</v>
      </c>
      <c r="G69" s="5" t="s">
        <v>16</v>
      </c>
      <c r="H69" s="7" t="s">
        <v>174</v>
      </c>
      <c r="I69" s="10">
        <v>8021005007806</v>
      </c>
      <c r="K69" s="12">
        <v>0</v>
      </c>
      <c r="L69" s="12">
        <v>0</v>
      </c>
    </row>
    <row r="70" spans="1:12" ht="21.75" customHeight="1" x14ac:dyDescent="0.2">
      <c r="A70" s="5">
        <v>69</v>
      </c>
      <c r="B70" s="6" t="s">
        <v>152</v>
      </c>
      <c r="C70" s="7" t="s">
        <v>172</v>
      </c>
      <c r="D70" s="7" t="s">
        <v>175</v>
      </c>
      <c r="E70" s="8" t="s">
        <v>176</v>
      </c>
      <c r="F70" s="9">
        <v>0</v>
      </c>
      <c r="G70" s="5" t="s">
        <v>16</v>
      </c>
      <c r="H70" s="7" t="s">
        <v>177</v>
      </c>
      <c r="I70" s="10">
        <v>8021005007814</v>
      </c>
      <c r="K70" s="12">
        <v>0</v>
      </c>
      <c r="L70" s="12">
        <v>0</v>
      </c>
    </row>
    <row r="71" spans="1:12" ht="21.75" customHeight="1" x14ac:dyDescent="0.2">
      <c r="A71" s="5">
        <v>70</v>
      </c>
      <c r="B71" s="6" t="s">
        <v>152</v>
      </c>
      <c r="C71" s="7" t="s">
        <v>172</v>
      </c>
      <c r="D71" s="7" t="s">
        <v>178</v>
      </c>
      <c r="E71" s="8" t="s">
        <v>179</v>
      </c>
      <c r="F71" s="9">
        <v>0</v>
      </c>
      <c r="G71" s="5" t="s">
        <v>16</v>
      </c>
      <c r="H71" s="7" t="s">
        <v>180</v>
      </c>
      <c r="I71" s="10">
        <v>9021005007813</v>
      </c>
      <c r="K71" s="12">
        <v>0</v>
      </c>
      <c r="L71" s="12">
        <v>0</v>
      </c>
    </row>
    <row r="72" spans="1:12" ht="21.75" customHeight="1" x14ac:dyDescent="0.2">
      <c r="A72" s="5">
        <v>71</v>
      </c>
      <c r="B72" s="6" t="s">
        <v>152</v>
      </c>
      <c r="C72" s="7" t="s">
        <v>172</v>
      </c>
      <c r="D72" s="7" t="s">
        <v>181</v>
      </c>
      <c r="E72" s="8" t="s">
        <v>182</v>
      </c>
      <c r="F72" s="9">
        <v>0</v>
      </c>
      <c r="G72" s="5" t="s">
        <v>16</v>
      </c>
      <c r="H72" s="7" t="s">
        <v>183</v>
      </c>
      <c r="I72" s="10">
        <v>7021005007848</v>
      </c>
      <c r="K72" s="12">
        <v>0</v>
      </c>
      <c r="L72" s="12">
        <v>0</v>
      </c>
    </row>
    <row r="73" spans="1:12" ht="21.75" customHeight="1" x14ac:dyDescent="0.2">
      <c r="A73" s="5">
        <v>72</v>
      </c>
      <c r="B73" s="6" t="s">
        <v>152</v>
      </c>
      <c r="C73" s="7" t="s">
        <v>172</v>
      </c>
      <c r="D73" s="7" t="s">
        <v>184</v>
      </c>
      <c r="E73" s="8" t="s">
        <v>185</v>
      </c>
      <c r="F73" s="9">
        <v>0</v>
      </c>
      <c r="G73" s="5" t="s">
        <v>16</v>
      </c>
      <c r="H73" s="7" t="s">
        <v>186</v>
      </c>
      <c r="I73" s="10">
        <v>6021005007849</v>
      </c>
      <c r="K73" s="12">
        <v>0</v>
      </c>
      <c r="L73" s="12">
        <v>0</v>
      </c>
    </row>
    <row r="74" spans="1:12" ht="21.75" customHeight="1" x14ac:dyDescent="0.2">
      <c r="A74" s="5">
        <v>73</v>
      </c>
      <c r="B74" s="6" t="s">
        <v>152</v>
      </c>
      <c r="C74" s="7" t="s">
        <v>172</v>
      </c>
      <c r="D74" s="7" t="s">
        <v>187</v>
      </c>
      <c r="E74" s="8" t="s">
        <v>188</v>
      </c>
      <c r="F74" s="9">
        <v>0</v>
      </c>
      <c r="G74" s="5" t="s">
        <v>16</v>
      </c>
      <c r="H74" s="7" t="s">
        <v>189</v>
      </c>
      <c r="I74" s="10">
        <v>4021005007850</v>
      </c>
      <c r="K74" s="12">
        <v>0</v>
      </c>
      <c r="L74" s="12">
        <v>0</v>
      </c>
    </row>
    <row r="75" spans="1:12" ht="21.75" customHeight="1" x14ac:dyDescent="0.2">
      <c r="A75" s="5">
        <v>74</v>
      </c>
      <c r="B75" s="6" t="s">
        <v>152</v>
      </c>
      <c r="C75" s="7" t="s">
        <v>172</v>
      </c>
      <c r="D75" s="7" t="s">
        <v>190</v>
      </c>
      <c r="E75" s="8" t="s">
        <v>191</v>
      </c>
      <c r="F75" s="9">
        <v>0</v>
      </c>
      <c r="G75" s="5" t="s">
        <v>16</v>
      </c>
      <c r="H75" s="7" t="s">
        <v>192</v>
      </c>
      <c r="I75" s="10">
        <v>7021005007955</v>
      </c>
      <c r="K75" s="12">
        <v>0</v>
      </c>
      <c r="L75" s="12">
        <v>0</v>
      </c>
    </row>
    <row r="76" spans="1:12" ht="21.75" customHeight="1" x14ac:dyDescent="0.2">
      <c r="A76" s="5">
        <v>75</v>
      </c>
      <c r="B76" s="6" t="s">
        <v>152</v>
      </c>
      <c r="C76" s="7" t="s">
        <v>172</v>
      </c>
      <c r="D76" s="7" t="s">
        <v>193</v>
      </c>
      <c r="E76" s="8" t="s">
        <v>194</v>
      </c>
      <c r="F76" s="9">
        <v>0</v>
      </c>
      <c r="G76" s="5" t="s">
        <v>16</v>
      </c>
      <c r="H76" s="7" t="s">
        <v>195</v>
      </c>
      <c r="I76" s="10">
        <v>4021005007925</v>
      </c>
      <c r="K76" s="12">
        <v>0</v>
      </c>
      <c r="L76" s="12">
        <v>0</v>
      </c>
    </row>
    <row r="77" spans="1:12" ht="21.75" customHeight="1" x14ac:dyDescent="0.2">
      <c r="A77" s="5">
        <v>76</v>
      </c>
      <c r="B77" s="6" t="s">
        <v>152</v>
      </c>
      <c r="C77" s="7" t="s">
        <v>172</v>
      </c>
      <c r="D77" s="7" t="s">
        <v>196</v>
      </c>
      <c r="E77" s="8" t="s">
        <v>185</v>
      </c>
      <c r="F77" s="9">
        <v>0</v>
      </c>
      <c r="G77" s="5" t="s">
        <v>16</v>
      </c>
      <c r="H77" s="7" t="s">
        <v>197</v>
      </c>
      <c r="I77" s="10">
        <v>4021005007867</v>
      </c>
      <c r="K77" s="12">
        <v>0</v>
      </c>
      <c r="L77" s="12">
        <v>0</v>
      </c>
    </row>
    <row r="78" spans="1:12" ht="21.75" customHeight="1" x14ac:dyDescent="0.2">
      <c r="A78" s="5">
        <v>77</v>
      </c>
      <c r="B78" s="6" t="s">
        <v>152</v>
      </c>
      <c r="C78" s="7" t="s">
        <v>172</v>
      </c>
      <c r="D78" s="7" t="s">
        <v>198</v>
      </c>
      <c r="E78" s="8" t="s">
        <v>199</v>
      </c>
      <c r="F78" s="9">
        <v>0</v>
      </c>
      <c r="G78" s="5" t="s">
        <v>16</v>
      </c>
      <c r="H78" s="7" t="s">
        <v>200</v>
      </c>
      <c r="I78" s="10">
        <v>5021005007924</v>
      </c>
      <c r="K78" s="12">
        <v>0</v>
      </c>
      <c r="L78" s="12">
        <v>0</v>
      </c>
    </row>
    <row r="79" spans="1:12" ht="21.75" customHeight="1" x14ac:dyDescent="0.2">
      <c r="A79" s="5">
        <v>78</v>
      </c>
      <c r="B79" s="6" t="s">
        <v>152</v>
      </c>
      <c r="C79" s="7" t="s">
        <v>172</v>
      </c>
      <c r="D79" s="7" t="s">
        <v>201</v>
      </c>
      <c r="E79" s="8" t="s">
        <v>202</v>
      </c>
      <c r="F79" s="9">
        <v>0</v>
      </c>
      <c r="G79" s="5" t="s">
        <v>16</v>
      </c>
      <c r="H79" s="7" t="s">
        <v>203</v>
      </c>
      <c r="I79" s="10">
        <v>9021005007895</v>
      </c>
      <c r="K79" s="12">
        <v>0</v>
      </c>
      <c r="L79" s="12">
        <v>0</v>
      </c>
    </row>
    <row r="80" spans="1:12" ht="21.75" customHeight="1" x14ac:dyDescent="0.2">
      <c r="A80" s="5">
        <v>79</v>
      </c>
      <c r="B80" s="6" t="s">
        <v>152</v>
      </c>
      <c r="C80" s="7" t="s">
        <v>172</v>
      </c>
      <c r="D80" s="7" t="s">
        <v>204</v>
      </c>
      <c r="E80" s="8" t="s">
        <v>205</v>
      </c>
      <c r="F80" s="9">
        <v>0</v>
      </c>
      <c r="G80" s="5" t="s">
        <v>16</v>
      </c>
      <c r="H80" s="7" t="s">
        <v>206</v>
      </c>
      <c r="I80" s="10">
        <v>6021005007873</v>
      </c>
      <c r="K80" s="12">
        <v>0</v>
      </c>
      <c r="L80" s="12">
        <v>0</v>
      </c>
    </row>
    <row r="81" spans="1:12" ht="21.75" customHeight="1" x14ac:dyDescent="0.2">
      <c r="A81" s="5">
        <v>80</v>
      </c>
      <c r="B81" s="6" t="s">
        <v>152</v>
      </c>
      <c r="C81" s="7" t="s">
        <v>172</v>
      </c>
      <c r="D81" s="7" t="s">
        <v>207</v>
      </c>
      <c r="E81" s="8" t="s">
        <v>208</v>
      </c>
      <c r="F81" s="9">
        <v>0</v>
      </c>
      <c r="G81" s="5" t="s">
        <v>16</v>
      </c>
      <c r="H81" s="7" t="s">
        <v>209</v>
      </c>
      <c r="I81" s="10">
        <v>7021005007897</v>
      </c>
      <c r="K81" s="12">
        <v>0</v>
      </c>
      <c r="L81" s="12">
        <v>0</v>
      </c>
    </row>
    <row r="82" spans="1:12" ht="21.75" customHeight="1" x14ac:dyDescent="0.2">
      <c r="A82" s="5">
        <v>81</v>
      </c>
      <c r="B82" s="6" t="s">
        <v>152</v>
      </c>
      <c r="C82" s="7" t="s">
        <v>172</v>
      </c>
      <c r="D82" s="7" t="s">
        <v>210</v>
      </c>
      <c r="E82" s="8" t="s">
        <v>211</v>
      </c>
      <c r="F82" s="9">
        <v>0</v>
      </c>
      <c r="G82" s="5" t="s">
        <v>16</v>
      </c>
      <c r="H82" s="7" t="s">
        <v>212</v>
      </c>
      <c r="I82" s="10">
        <v>8021005007871</v>
      </c>
      <c r="K82" s="12">
        <v>0</v>
      </c>
      <c r="L82" s="12">
        <v>0</v>
      </c>
    </row>
    <row r="83" spans="1:12" ht="21.75" customHeight="1" x14ac:dyDescent="0.2">
      <c r="A83" s="5">
        <v>82</v>
      </c>
      <c r="B83" s="6" t="s">
        <v>152</v>
      </c>
      <c r="C83" s="7" t="s">
        <v>172</v>
      </c>
      <c r="D83" s="7" t="s">
        <v>213</v>
      </c>
      <c r="E83" s="8" t="s">
        <v>214</v>
      </c>
      <c r="F83" s="9">
        <v>0</v>
      </c>
      <c r="G83" s="5" t="s">
        <v>16</v>
      </c>
      <c r="H83" s="7" t="s">
        <v>215</v>
      </c>
      <c r="I83" s="10">
        <v>5021005007866</v>
      </c>
      <c r="K83" s="12">
        <v>0</v>
      </c>
      <c r="L83" s="12">
        <v>0</v>
      </c>
    </row>
    <row r="84" spans="1:12" ht="21.75" customHeight="1" x14ac:dyDescent="0.2">
      <c r="A84" s="5">
        <v>83</v>
      </c>
      <c r="B84" s="6" t="s">
        <v>152</v>
      </c>
      <c r="C84" s="7" t="s">
        <v>172</v>
      </c>
      <c r="D84" s="7" t="s">
        <v>216</v>
      </c>
      <c r="E84" s="8" t="s">
        <v>217</v>
      </c>
      <c r="F84" s="9">
        <v>0</v>
      </c>
      <c r="G84" s="5" t="s">
        <v>16</v>
      </c>
      <c r="H84" s="7" t="s">
        <v>218</v>
      </c>
      <c r="I84" s="10">
        <v>3021005007868</v>
      </c>
      <c r="K84" s="12">
        <v>0</v>
      </c>
      <c r="L84" s="12">
        <v>0</v>
      </c>
    </row>
    <row r="85" spans="1:12" ht="21.75" customHeight="1" x14ac:dyDescent="0.2">
      <c r="A85" s="5">
        <v>84</v>
      </c>
      <c r="B85" s="6" t="s">
        <v>152</v>
      </c>
      <c r="C85" s="7" t="s">
        <v>172</v>
      </c>
      <c r="D85" s="7" t="s">
        <v>219</v>
      </c>
      <c r="E85" s="8" t="s">
        <v>220</v>
      </c>
      <c r="F85" s="9">
        <v>0</v>
      </c>
      <c r="G85" s="5" t="s">
        <v>16</v>
      </c>
      <c r="H85" s="7" t="s">
        <v>221</v>
      </c>
      <c r="I85" s="10">
        <v>2021005007869</v>
      </c>
      <c r="K85" s="12">
        <v>0</v>
      </c>
      <c r="L85" s="12">
        <v>0</v>
      </c>
    </row>
    <row r="86" spans="1:12" ht="21.75" customHeight="1" x14ac:dyDescent="0.2">
      <c r="A86" s="5">
        <v>85</v>
      </c>
      <c r="B86" s="6" t="s">
        <v>152</v>
      </c>
      <c r="C86" s="7" t="s">
        <v>172</v>
      </c>
      <c r="D86" s="7" t="s">
        <v>222</v>
      </c>
      <c r="E86" s="8" t="s">
        <v>223</v>
      </c>
      <c r="F86" s="9">
        <v>0</v>
      </c>
      <c r="G86" s="5" t="s">
        <v>16</v>
      </c>
      <c r="H86" s="7" t="s">
        <v>224</v>
      </c>
      <c r="I86" s="10">
        <v>7021005007872</v>
      </c>
      <c r="J86" s="11" t="s">
        <v>2931</v>
      </c>
      <c r="K86" s="12" t="s">
        <v>225</v>
      </c>
      <c r="L86" s="12">
        <v>0</v>
      </c>
    </row>
    <row r="87" spans="1:12" ht="21.75" customHeight="1" x14ac:dyDescent="0.2">
      <c r="A87" s="5">
        <v>86</v>
      </c>
      <c r="B87" s="6" t="s">
        <v>152</v>
      </c>
      <c r="C87" s="7" t="s">
        <v>172</v>
      </c>
      <c r="D87" s="7" t="s">
        <v>226</v>
      </c>
      <c r="E87" s="8" t="s">
        <v>227</v>
      </c>
      <c r="F87" s="9">
        <v>0</v>
      </c>
      <c r="G87" s="5" t="s">
        <v>16</v>
      </c>
      <c r="H87" s="7" t="s">
        <v>228</v>
      </c>
      <c r="I87" s="10">
        <v>1021005007928</v>
      </c>
      <c r="K87" s="12">
        <v>0</v>
      </c>
      <c r="L87" s="12">
        <v>0</v>
      </c>
    </row>
    <row r="88" spans="1:12" ht="21.75" customHeight="1" x14ac:dyDescent="0.2">
      <c r="A88" s="5">
        <v>87</v>
      </c>
      <c r="B88" s="6" t="s">
        <v>152</v>
      </c>
      <c r="C88" s="7" t="s">
        <v>172</v>
      </c>
      <c r="D88" s="7" t="s">
        <v>229</v>
      </c>
      <c r="E88" s="8" t="s">
        <v>230</v>
      </c>
      <c r="F88" s="9">
        <v>0</v>
      </c>
      <c r="G88" s="5" t="s">
        <v>16</v>
      </c>
      <c r="H88" s="7" t="s">
        <v>231</v>
      </c>
      <c r="I88" s="10">
        <v>3021005007926</v>
      </c>
      <c r="K88" s="12">
        <v>0</v>
      </c>
      <c r="L88" s="12">
        <v>0</v>
      </c>
    </row>
    <row r="89" spans="1:12" ht="21.75" customHeight="1" x14ac:dyDescent="0.2">
      <c r="A89" s="5">
        <v>88</v>
      </c>
      <c r="B89" s="6" t="s">
        <v>152</v>
      </c>
      <c r="C89" s="7" t="s">
        <v>172</v>
      </c>
      <c r="D89" s="7" t="s">
        <v>232</v>
      </c>
      <c r="E89" s="8" t="s">
        <v>233</v>
      </c>
      <c r="F89" s="9">
        <v>0</v>
      </c>
      <c r="G89" s="5" t="s">
        <v>16</v>
      </c>
      <c r="H89" s="7" t="s">
        <v>234</v>
      </c>
      <c r="I89" s="10">
        <v>8021005007938</v>
      </c>
      <c r="K89" s="12">
        <v>0</v>
      </c>
      <c r="L89" s="12">
        <v>0</v>
      </c>
    </row>
    <row r="90" spans="1:12" ht="21.75" customHeight="1" x14ac:dyDescent="0.2">
      <c r="A90" s="5">
        <v>89</v>
      </c>
      <c r="B90" s="6" t="s">
        <v>152</v>
      </c>
      <c r="C90" s="7" t="s">
        <v>172</v>
      </c>
      <c r="D90" s="7" t="s">
        <v>235</v>
      </c>
      <c r="E90" s="8" t="s">
        <v>236</v>
      </c>
      <c r="F90" s="9">
        <v>0</v>
      </c>
      <c r="G90" s="5" t="s">
        <v>16</v>
      </c>
      <c r="H90" s="7" t="s">
        <v>237</v>
      </c>
      <c r="I90" s="10">
        <v>1021005007960</v>
      </c>
      <c r="K90" s="12">
        <v>0</v>
      </c>
      <c r="L90" s="12">
        <v>0</v>
      </c>
    </row>
    <row r="91" spans="1:12" ht="21.75" customHeight="1" x14ac:dyDescent="0.2">
      <c r="A91" s="5">
        <v>90</v>
      </c>
      <c r="B91" s="6" t="s">
        <v>152</v>
      </c>
      <c r="C91" s="7" t="s">
        <v>172</v>
      </c>
      <c r="D91" s="7" t="s">
        <v>238</v>
      </c>
      <c r="E91" s="8" t="s">
        <v>239</v>
      </c>
      <c r="F91" s="9">
        <v>0</v>
      </c>
      <c r="G91" s="5" t="s">
        <v>16</v>
      </c>
      <c r="H91" s="7" t="s">
        <v>240</v>
      </c>
      <c r="I91" s="10">
        <v>8021005007954</v>
      </c>
      <c r="K91" s="12">
        <v>0</v>
      </c>
      <c r="L91" s="12">
        <v>0</v>
      </c>
    </row>
    <row r="92" spans="1:12" ht="21.75" customHeight="1" x14ac:dyDescent="0.2">
      <c r="A92" s="5">
        <v>91</v>
      </c>
      <c r="B92" s="6" t="s">
        <v>152</v>
      </c>
      <c r="C92" s="7" t="s">
        <v>172</v>
      </c>
      <c r="D92" s="7" t="s">
        <v>241</v>
      </c>
      <c r="E92" s="8" t="s">
        <v>242</v>
      </c>
      <c r="F92" s="9">
        <v>0</v>
      </c>
      <c r="G92" s="5" t="s">
        <v>16</v>
      </c>
      <c r="H92" s="7" t="s">
        <v>243</v>
      </c>
      <c r="I92" s="10">
        <v>1021005007952</v>
      </c>
      <c r="K92" s="12">
        <v>0</v>
      </c>
      <c r="L92" s="12">
        <v>0</v>
      </c>
    </row>
    <row r="93" spans="1:12" ht="21.75" customHeight="1" x14ac:dyDescent="0.2">
      <c r="A93" s="5">
        <v>92</v>
      </c>
      <c r="B93" s="6" t="s">
        <v>152</v>
      </c>
      <c r="C93" s="7" t="s">
        <v>172</v>
      </c>
      <c r="D93" s="7" t="s">
        <v>244</v>
      </c>
      <c r="E93" s="8" t="s">
        <v>245</v>
      </c>
      <c r="F93" s="9">
        <v>0</v>
      </c>
      <c r="G93" s="5" t="s">
        <v>16</v>
      </c>
      <c r="H93" s="7" t="s">
        <v>246</v>
      </c>
      <c r="I93" s="10">
        <v>3021005007967</v>
      </c>
      <c r="K93" s="12">
        <v>0</v>
      </c>
      <c r="L93" s="12">
        <v>0</v>
      </c>
    </row>
    <row r="94" spans="1:12" ht="21.75" customHeight="1" x14ac:dyDescent="0.2">
      <c r="A94" s="5">
        <v>93</v>
      </c>
      <c r="B94" s="6" t="s">
        <v>152</v>
      </c>
      <c r="C94" s="7" t="s">
        <v>172</v>
      </c>
      <c r="D94" s="7" t="s">
        <v>247</v>
      </c>
      <c r="E94" s="8" t="s">
        <v>227</v>
      </c>
      <c r="F94" s="9">
        <v>0</v>
      </c>
      <c r="G94" s="5" t="s">
        <v>16</v>
      </c>
      <c r="H94" s="7" t="s">
        <v>248</v>
      </c>
      <c r="I94" s="10">
        <v>8021005007970</v>
      </c>
      <c r="K94" s="12">
        <v>0</v>
      </c>
      <c r="L94" s="12">
        <v>0</v>
      </c>
    </row>
    <row r="95" spans="1:12" ht="21.75" customHeight="1" x14ac:dyDescent="0.2">
      <c r="A95" s="5">
        <v>94</v>
      </c>
      <c r="B95" s="6" t="s">
        <v>152</v>
      </c>
      <c r="C95" s="7" t="s">
        <v>172</v>
      </c>
      <c r="D95" s="7" t="s">
        <v>249</v>
      </c>
      <c r="E95" s="8" t="s">
        <v>250</v>
      </c>
      <c r="F95" s="9">
        <v>0</v>
      </c>
      <c r="G95" s="5" t="s">
        <v>16</v>
      </c>
      <c r="H95" s="7" t="s">
        <v>251</v>
      </c>
      <c r="I95" s="10">
        <v>1021005007969</v>
      </c>
      <c r="K95" s="12">
        <v>0</v>
      </c>
      <c r="L95" s="12">
        <v>0</v>
      </c>
    </row>
    <row r="96" spans="1:12" ht="21.75" customHeight="1" x14ac:dyDescent="0.2">
      <c r="A96" s="5">
        <v>95</v>
      </c>
      <c r="B96" s="6" t="s">
        <v>152</v>
      </c>
      <c r="C96" s="7" t="s">
        <v>172</v>
      </c>
      <c r="D96" s="7" t="s">
        <v>252</v>
      </c>
      <c r="E96" s="8" t="s">
        <v>253</v>
      </c>
      <c r="F96" s="9">
        <v>0</v>
      </c>
      <c r="G96" s="5" t="s">
        <v>16</v>
      </c>
      <c r="H96" s="7" t="s">
        <v>254</v>
      </c>
      <c r="I96" s="10">
        <v>8021005007979</v>
      </c>
      <c r="K96" s="12">
        <v>0</v>
      </c>
      <c r="L96" s="12">
        <v>0</v>
      </c>
    </row>
    <row r="97" spans="1:12" ht="21.75" customHeight="1" x14ac:dyDescent="0.2">
      <c r="A97" s="5">
        <v>96</v>
      </c>
      <c r="B97" s="6" t="s">
        <v>152</v>
      </c>
      <c r="C97" s="7" t="s">
        <v>172</v>
      </c>
      <c r="D97" s="7" t="s">
        <v>255</v>
      </c>
      <c r="E97" s="8" t="s">
        <v>256</v>
      </c>
      <c r="F97" s="9">
        <v>0</v>
      </c>
      <c r="G97" s="5" t="s">
        <v>16</v>
      </c>
      <c r="H97" s="7" t="s">
        <v>257</v>
      </c>
      <c r="I97" s="10">
        <v>3021005008008</v>
      </c>
      <c r="K97" s="12">
        <v>0</v>
      </c>
      <c r="L97" s="12">
        <v>0</v>
      </c>
    </row>
    <row r="98" spans="1:12" ht="21.75" customHeight="1" x14ac:dyDescent="0.2">
      <c r="A98" s="5">
        <v>97</v>
      </c>
      <c r="B98" s="6" t="s">
        <v>152</v>
      </c>
      <c r="C98" s="7" t="s">
        <v>172</v>
      </c>
      <c r="D98" s="7" t="s">
        <v>258</v>
      </c>
      <c r="E98" s="8" t="s">
        <v>259</v>
      </c>
      <c r="F98" s="9">
        <v>0</v>
      </c>
      <c r="G98" s="5" t="s">
        <v>16</v>
      </c>
      <c r="H98" s="7" t="s">
        <v>260</v>
      </c>
      <c r="I98" s="10">
        <v>2021005008009</v>
      </c>
      <c r="K98" s="12">
        <v>0</v>
      </c>
      <c r="L98" s="12">
        <v>0</v>
      </c>
    </row>
    <row r="99" spans="1:12" ht="21.75" customHeight="1" x14ac:dyDescent="0.2">
      <c r="A99" s="5">
        <v>98</v>
      </c>
      <c r="B99" s="6" t="s">
        <v>152</v>
      </c>
      <c r="C99" s="7" t="s">
        <v>172</v>
      </c>
      <c r="D99" s="7" t="s">
        <v>261</v>
      </c>
      <c r="E99" s="8" t="s">
        <v>262</v>
      </c>
      <c r="F99" s="9">
        <v>0</v>
      </c>
      <c r="G99" s="5" t="s">
        <v>16</v>
      </c>
      <c r="H99" s="7" t="s">
        <v>263</v>
      </c>
      <c r="I99" s="10">
        <v>2021005008025</v>
      </c>
      <c r="K99" s="12">
        <v>0</v>
      </c>
      <c r="L99" s="12">
        <v>0</v>
      </c>
    </row>
    <row r="100" spans="1:12" ht="21.75" customHeight="1" x14ac:dyDescent="0.2">
      <c r="A100" s="5">
        <v>99</v>
      </c>
      <c r="B100" s="6" t="s">
        <v>152</v>
      </c>
      <c r="C100" s="7" t="s">
        <v>172</v>
      </c>
      <c r="D100" s="7" t="s">
        <v>264</v>
      </c>
      <c r="E100" s="8" t="s">
        <v>265</v>
      </c>
      <c r="F100" s="9">
        <v>0</v>
      </c>
      <c r="G100" s="5" t="s">
        <v>16</v>
      </c>
      <c r="H100" s="7" t="s">
        <v>266</v>
      </c>
      <c r="I100" s="10">
        <v>2021005008017</v>
      </c>
      <c r="K100" s="12">
        <v>0</v>
      </c>
      <c r="L100" s="12">
        <v>0</v>
      </c>
    </row>
    <row r="101" spans="1:12" ht="21.75" customHeight="1" x14ac:dyDescent="0.2">
      <c r="A101" s="5">
        <v>100</v>
      </c>
      <c r="B101" s="6" t="s">
        <v>152</v>
      </c>
      <c r="C101" s="7" t="s">
        <v>172</v>
      </c>
      <c r="D101" s="7" t="s">
        <v>267</v>
      </c>
      <c r="E101" s="8" t="s">
        <v>205</v>
      </c>
      <c r="F101" s="9">
        <v>0</v>
      </c>
      <c r="G101" s="5" t="s">
        <v>16</v>
      </c>
      <c r="H101" s="7" t="s">
        <v>268</v>
      </c>
      <c r="I101" s="10">
        <v>8021005008028</v>
      </c>
      <c r="K101" s="12">
        <v>0</v>
      </c>
      <c r="L101" s="12">
        <v>0</v>
      </c>
    </row>
    <row r="102" spans="1:12" ht="21.75" customHeight="1" x14ac:dyDescent="0.2">
      <c r="A102" s="5">
        <v>101</v>
      </c>
      <c r="B102" s="6" t="s">
        <v>152</v>
      </c>
      <c r="C102" s="7" t="s">
        <v>172</v>
      </c>
      <c r="D102" s="7" t="s">
        <v>269</v>
      </c>
      <c r="E102" s="8" t="s">
        <v>270</v>
      </c>
      <c r="F102" s="9">
        <v>0</v>
      </c>
      <c r="G102" s="5" t="s">
        <v>16</v>
      </c>
      <c r="H102" s="7" t="s">
        <v>271</v>
      </c>
      <c r="I102" s="10">
        <v>8021005008052</v>
      </c>
      <c r="K102" s="12">
        <v>0</v>
      </c>
      <c r="L102" s="12">
        <v>0</v>
      </c>
    </row>
    <row r="103" spans="1:12" ht="21.75" customHeight="1" x14ac:dyDescent="0.2">
      <c r="A103" s="5">
        <v>102</v>
      </c>
      <c r="B103" s="6" t="s">
        <v>152</v>
      </c>
      <c r="C103" s="7" t="s">
        <v>172</v>
      </c>
      <c r="D103" s="7" t="s">
        <v>272</v>
      </c>
      <c r="E103" s="8" t="s">
        <v>273</v>
      </c>
      <c r="F103" s="9">
        <v>0</v>
      </c>
      <c r="G103" s="5" t="s">
        <v>16</v>
      </c>
      <c r="H103" s="7" t="s">
        <v>274</v>
      </c>
      <c r="I103" s="10">
        <v>2021005008066</v>
      </c>
      <c r="K103" s="12">
        <v>0</v>
      </c>
      <c r="L103" s="12">
        <v>0</v>
      </c>
    </row>
    <row r="104" spans="1:12" ht="21.75" customHeight="1" x14ac:dyDescent="0.2">
      <c r="A104" s="5">
        <v>103</v>
      </c>
      <c r="B104" s="6" t="s">
        <v>152</v>
      </c>
      <c r="C104" s="7" t="s">
        <v>172</v>
      </c>
      <c r="D104" s="7" t="s">
        <v>275</v>
      </c>
      <c r="E104" s="8" t="s">
        <v>179</v>
      </c>
      <c r="F104" s="9">
        <v>0</v>
      </c>
      <c r="G104" s="5" t="s">
        <v>16</v>
      </c>
      <c r="H104" s="7" t="s">
        <v>276</v>
      </c>
      <c r="I104" s="10">
        <v>4021005008064</v>
      </c>
      <c r="K104" s="12">
        <v>0</v>
      </c>
      <c r="L104" s="12">
        <v>0</v>
      </c>
    </row>
    <row r="105" spans="1:12" ht="21.75" customHeight="1" x14ac:dyDescent="0.2">
      <c r="A105" s="5">
        <v>104</v>
      </c>
      <c r="B105" s="6" t="s">
        <v>152</v>
      </c>
      <c r="C105" s="7" t="s">
        <v>277</v>
      </c>
      <c r="D105" s="7" t="s">
        <v>278</v>
      </c>
      <c r="E105" s="8" t="s">
        <v>279</v>
      </c>
      <c r="F105" s="9">
        <v>0</v>
      </c>
      <c r="G105" s="5" t="s">
        <v>16</v>
      </c>
      <c r="H105" s="7" t="s">
        <v>280</v>
      </c>
      <c r="I105" s="10">
        <v>2021005007836</v>
      </c>
      <c r="K105" s="12">
        <v>0</v>
      </c>
      <c r="L105" s="12">
        <v>0</v>
      </c>
    </row>
    <row r="106" spans="1:12" ht="21.75" customHeight="1" x14ac:dyDescent="0.2">
      <c r="A106" s="5">
        <v>105</v>
      </c>
      <c r="B106" s="6" t="s">
        <v>152</v>
      </c>
      <c r="C106" s="7" t="s">
        <v>277</v>
      </c>
      <c r="D106" s="7" t="s">
        <v>281</v>
      </c>
      <c r="E106" s="8" t="s">
        <v>282</v>
      </c>
      <c r="F106" s="9" t="s">
        <v>163</v>
      </c>
      <c r="G106" s="5" t="s">
        <v>16</v>
      </c>
      <c r="H106" s="7" t="s">
        <v>283</v>
      </c>
      <c r="I106" s="10">
        <v>7021005007856</v>
      </c>
      <c r="K106" s="12">
        <v>0</v>
      </c>
      <c r="L106" s="12">
        <v>0</v>
      </c>
    </row>
    <row r="107" spans="1:12" ht="21.75" customHeight="1" x14ac:dyDescent="0.2">
      <c r="A107" s="5">
        <v>106</v>
      </c>
      <c r="B107" s="6" t="s">
        <v>152</v>
      </c>
      <c r="C107" s="7" t="s">
        <v>277</v>
      </c>
      <c r="D107" s="7" t="s">
        <v>284</v>
      </c>
      <c r="E107" s="8" t="s">
        <v>285</v>
      </c>
      <c r="F107" s="9">
        <v>0</v>
      </c>
      <c r="G107" s="5" t="s">
        <v>16</v>
      </c>
      <c r="H107" s="7" t="s">
        <v>286</v>
      </c>
      <c r="I107" s="10">
        <v>8021005007855</v>
      </c>
      <c r="K107" s="12">
        <v>0</v>
      </c>
      <c r="L107" s="12">
        <v>0</v>
      </c>
    </row>
    <row r="108" spans="1:12" ht="21.75" customHeight="1" x14ac:dyDescent="0.2">
      <c r="A108" s="5">
        <v>107</v>
      </c>
      <c r="B108" s="6" t="s">
        <v>152</v>
      </c>
      <c r="C108" s="7" t="s">
        <v>277</v>
      </c>
      <c r="D108" s="7" t="s">
        <v>287</v>
      </c>
      <c r="E108" s="8" t="s">
        <v>288</v>
      </c>
      <c r="F108" s="9">
        <v>0</v>
      </c>
      <c r="G108" s="5" t="s">
        <v>16</v>
      </c>
      <c r="H108" s="7" t="s">
        <v>289</v>
      </c>
      <c r="I108" s="10">
        <v>6021005007857</v>
      </c>
      <c r="K108" s="12">
        <v>0</v>
      </c>
      <c r="L108" s="12">
        <v>0</v>
      </c>
    </row>
    <row r="109" spans="1:12" ht="21.75" customHeight="1" x14ac:dyDescent="0.2">
      <c r="A109" s="5">
        <v>108</v>
      </c>
      <c r="B109" s="6" t="s">
        <v>152</v>
      </c>
      <c r="C109" s="7" t="s">
        <v>277</v>
      </c>
      <c r="D109" s="7" t="s">
        <v>290</v>
      </c>
      <c r="E109" s="8" t="s">
        <v>291</v>
      </c>
      <c r="F109" s="9">
        <v>0</v>
      </c>
      <c r="G109" s="5" t="s">
        <v>16</v>
      </c>
      <c r="H109" s="7" t="s">
        <v>292</v>
      </c>
      <c r="I109" s="10">
        <v>1021005007903</v>
      </c>
      <c r="K109" s="12">
        <v>0</v>
      </c>
      <c r="L109" s="12">
        <v>0</v>
      </c>
    </row>
    <row r="110" spans="1:12" ht="21.75" customHeight="1" x14ac:dyDescent="0.2">
      <c r="A110" s="5">
        <v>109</v>
      </c>
      <c r="B110" s="6" t="s">
        <v>152</v>
      </c>
      <c r="C110" s="7" t="s">
        <v>277</v>
      </c>
      <c r="D110" s="7" t="s">
        <v>293</v>
      </c>
      <c r="E110" s="8" t="s">
        <v>294</v>
      </c>
      <c r="F110" s="9">
        <v>0</v>
      </c>
      <c r="G110" s="5" t="s">
        <v>16</v>
      </c>
      <c r="H110" s="7" t="s">
        <v>295</v>
      </c>
      <c r="I110" s="10">
        <v>7021005007906</v>
      </c>
      <c r="K110" s="12">
        <v>0</v>
      </c>
      <c r="L110" s="12">
        <v>0</v>
      </c>
    </row>
    <row r="111" spans="1:12" ht="21.75" customHeight="1" x14ac:dyDescent="0.2">
      <c r="A111" s="5">
        <v>110</v>
      </c>
      <c r="B111" s="6" t="s">
        <v>152</v>
      </c>
      <c r="C111" s="7" t="s">
        <v>277</v>
      </c>
      <c r="D111" s="7" t="s">
        <v>296</v>
      </c>
      <c r="E111" s="8" t="s">
        <v>297</v>
      </c>
      <c r="F111" s="9">
        <v>0</v>
      </c>
      <c r="G111" s="5" t="s">
        <v>16</v>
      </c>
      <c r="H111" s="7" t="s">
        <v>298</v>
      </c>
      <c r="I111" s="10">
        <v>2021005007902</v>
      </c>
      <c r="K111" s="12">
        <v>0</v>
      </c>
      <c r="L111" s="12">
        <v>0</v>
      </c>
    </row>
    <row r="112" spans="1:12" ht="21.75" customHeight="1" x14ac:dyDescent="0.2">
      <c r="A112" s="5">
        <v>111</v>
      </c>
      <c r="B112" s="6" t="s">
        <v>152</v>
      </c>
      <c r="C112" s="7" t="s">
        <v>277</v>
      </c>
      <c r="D112" s="7" t="s">
        <v>299</v>
      </c>
      <c r="E112" s="8" t="s">
        <v>300</v>
      </c>
      <c r="F112" s="9">
        <v>0</v>
      </c>
      <c r="G112" s="5" t="s">
        <v>16</v>
      </c>
      <c r="H112" s="7" t="s">
        <v>301</v>
      </c>
      <c r="I112" s="10">
        <v>3021005007901</v>
      </c>
      <c r="K112" s="12">
        <v>0</v>
      </c>
      <c r="L112" s="12">
        <v>0</v>
      </c>
    </row>
    <row r="113" spans="1:12" ht="21.75" customHeight="1" x14ac:dyDescent="0.2">
      <c r="A113" s="5">
        <v>112</v>
      </c>
      <c r="B113" s="6" t="s">
        <v>152</v>
      </c>
      <c r="C113" s="7" t="s">
        <v>277</v>
      </c>
      <c r="D113" s="7" t="s">
        <v>302</v>
      </c>
      <c r="E113" s="8" t="s">
        <v>303</v>
      </c>
      <c r="F113" s="9">
        <v>0</v>
      </c>
      <c r="G113" s="5" t="s">
        <v>16</v>
      </c>
      <c r="H113" s="7" t="s">
        <v>304</v>
      </c>
      <c r="I113" s="10">
        <v>9021005007904</v>
      </c>
      <c r="K113" s="12">
        <v>0</v>
      </c>
      <c r="L113" s="12">
        <v>0</v>
      </c>
    </row>
    <row r="114" spans="1:12" ht="21.75" customHeight="1" x14ac:dyDescent="0.2">
      <c r="A114" s="5">
        <v>113</v>
      </c>
      <c r="B114" s="6" t="s">
        <v>152</v>
      </c>
      <c r="C114" s="7" t="s">
        <v>277</v>
      </c>
      <c r="D114" s="7" t="s">
        <v>229</v>
      </c>
      <c r="E114" s="8" t="s">
        <v>282</v>
      </c>
      <c r="F114" s="9">
        <v>0</v>
      </c>
      <c r="G114" s="5" t="s">
        <v>16</v>
      </c>
      <c r="H114" s="7" t="s">
        <v>305</v>
      </c>
      <c r="I114" s="10">
        <v>3021005007934</v>
      </c>
      <c r="K114" s="12">
        <v>0</v>
      </c>
      <c r="L114" s="12">
        <v>0</v>
      </c>
    </row>
    <row r="115" spans="1:12" ht="21.75" customHeight="1" x14ac:dyDescent="0.2">
      <c r="A115" s="5">
        <v>114</v>
      </c>
      <c r="B115" s="6" t="s">
        <v>152</v>
      </c>
      <c r="C115" s="7" t="s">
        <v>277</v>
      </c>
      <c r="D115" s="7" t="s">
        <v>306</v>
      </c>
      <c r="E115" s="8" t="s">
        <v>307</v>
      </c>
      <c r="F115" s="9">
        <v>0</v>
      </c>
      <c r="G115" s="5" t="s">
        <v>16</v>
      </c>
      <c r="H115" s="7" t="s">
        <v>308</v>
      </c>
      <c r="I115" s="10">
        <v>8021005007962</v>
      </c>
      <c r="K115" s="12">
        <v>0</v>
      </c>
      <c r="L115" s="12">
        <v>0</v>
      </c>
    </row>
    <row r="116" spans="1:12" ht="21.75" customHeight="1" x14ac:dyDescent="0.2">
      <c r="A116" s="5">
        <v>115</v>
      </c>
      <c r="B116" s="6" t="s">
        <v>152</v>
      </c>
      <c r="C116" s="7" t="s">
        <v>277</v>
      </c>
      <c r="D116" s="7" t="s">
        <v>309</v>
      </c>
      <c r="E116" s="8" t="s">
        <v>310</v>
      </c>
      <c r="F116" s="9">
        <v>0</v>
      </c>
      <c r="G116" s="5" t="s">
        <v>16</v>
      </c>
      <c r="H116" s="7" t="s">
        <v>311</v>
      </c>
      <c r="I116" s="10">
        <v>9021005007978</v>
      </c>
      <c r="K116" s="12">
        <v>0</v>
      </c>
      <c r="L116" s="12">
        <v>0</v>
      </c>
    </row>
    <row r="117" spans="1:12" ht="21.75" customHeight="1" x14ac:dyDescent="0.2">
      <c r="A117" s="5">
        <v>116</v>
      </c>
      <c r="B117" s="6" t="s">
        <v>152</v>
      </c>
      <c r="C117" s="7" t="s">
        <v>277</v>
      </c>
      <c r="D117" s="7" t="s">
        <v>312</v>
      </c>
      <c r="E117" s="8" t="s">
        <v>313</v>
      </c>
      <c r="F117" s="9">
        <v>0</v>
      </c>
      <c r="G117" s="5" t="s">
        <v>16</v>
      </c>
      <c r="H117" s="7" t="s">
        <v>314</v>
      </c>
      <c r="I117" s="10">
        <v>1021005008026</v>
      </c>
      <c r="K117" s="12">
        <v>0</v>
      </c>
      <c r="L117" s="12">
        <v>0</v>
      </c>
    </row>
    <row r="118" spans="1:12" ht="21.75" customHeight="1" x14ac:dyDescent="0.2">
      <c r="A118" s="5">
        <v>117</v>
      </c>
      <c r="B118" s="6" t="s">
        <v>152</v>
      </c>
      <c r="C118" s="7" t="s">
        <v>315</v>
      </c>
      <c r="D118" s="7" t="s">
        <v>316</v>
      </c>
      <c r="E118" s="8" t="s">
        <v>317</v>
      </c>
      <c r="F118" s="9">
        <v>0</v>
      </c>
      <c r="G118" s="5" t="s">
        <v>16</v>
      </c>
      <c r="H118" s="7" t="s">
        <v>318</v>
      </c>
      <c r="I118" s="10">
        <v>8021005007822</v>
      </c>
      <c r="K118" s="12">
        <v>0</v>
      </c>
      <c r="L118" s="12">
        <v>0</v>
      </c>
    </row>
    <row r="119" spans="1:12" ht="21.75" customHeight="1" x14ac:dyDescent="0.2">
      <c r="A119" s="5">
        <v>118</v>
      </c>
      <c r="B119" s="6" t="s">
        <v>152</v>
      </c>
      <c r="C119" s="7" t="s">
        <v>315</v>
      </c>
      <c r="D119" s="7" t="s">
        <v>319</v>
      </c>
      <c r="E119" s="8" t="s">
        <v>320</v>
      </c>
      <c r="F119" s="9">
        <v>0</v>
      </c>
      <c r="G119" s="5" t="s">
        <v>16</v>
      </c>
      <c r="H119" s="7" t="s">
        <v>321</v>
      </c>
      <c r="I119" s="10">
        <v>2021005007844</v>
      </c>
      <c r="K119" s="12">
        <v>0</v>
      </c>
      <c r="L119" s="12">
        <v>0</v>
      </c>
    </row>
    <row r="120" spans="1:12" ht="21.75" customHeight="1" x14ac:dyDescent="0.2">
      <c r="A120" s="5">
        <v>119</v>
      </c>
      <c r="B120" s="6" t="s">
        <v>152</v>
      </c>
      <c r="C120" s="7" t="s">
        <v>315</v>
      </c>
      <c r="D120" s="7" t="s">
        <v>322</v>
      </c>
      <c r="E120" s="8" t="s">
        <v>323</v>
      </c>
      <c r="F120" s="9">
        <v>0</v>
      </c>
      <c r="G120" s="5" t="s">
        <v>16</v>
      </c>
      <c r="H120" s="7" t="s">
        <v>324</v>
      </c>
      <c r="I120" s="10">
        <v>1021005007853</v>
      </c>
      <c r="K120" s="12">
        <v>0</v>
      </c>
      <c r="L120" s="12">
        <v>0</v>
      </c>
    </row>
    <row r="121" spans="1:12" ht="21.75" customHeight="1" x14ac:dyDescent="0.2">
      <c r="A121" s="5">
        <v>120</v>
      </c>
      <c r="B121" s="6" t="s">
        <v>152</v>
      </c>
      <c r="C121" s="7" t="s">
        <v>315</v>
      </c>
      <c r="D121" s="7" t="s">
        <v>325</v>
      </c>
      <c r="E121" s="8" t="s">
        <v>326</v>
      </c>
      <c r="F121" s="9" t="s">
        <v>163</v>
      </c>
      <c r="G121" s="5" t="s">
        <v>16</v>
      </c>
      <c r="H121" s="7" t="s">
        <v>327</v>
      </c>
      <c r="I121" s="10">
        <v>2021005007852</v>
      </c>
      <c r="K121" s="12">
        <v>0</v>
      </c>
      <c r="L121" s="12">
        <v>0</v>
      </c>
    </row>
    <row r="122" spans="1:12" ht="21.75" customHeight="1" x14ac:dyDescent="0.2">
      <c r="A122" s="5">
        <v>121</v>
      </c>
      <c r="B122" s="6" t="s">
        <v>152</v>
      </c>
      <c r="C122" s="7" t="s">
        <v>315</v>
      </c>
      <c r="D122" s="7" t="s">
        <v>328</v>
      </c>
      <c r="E122" s="8" t="s">
        <v>329</v>
      </c>
      <c r="F122" s="9">
        <v>0</v>
      </c>
      <c r="G122" s="5" t="s">
        <v>16</v>
      </c>
      <c r="H122" s="7" t="s">
        <v>330</v>
      </c>
      <c r="I122" s="10">
        <v>9021005007887</v>
      </c>
      <c r="K122" s="12">
        <v>0</v>
      </c>
      <c r="L122" s="12">
        <v>0</v>
      </c>
    </row>
    <row r="123" spans="1:12" ht="21.75" customHeight="1" x14ac:dyDescent="0.2">
      <c r="A123" s="5">
        <v>122</v>
      </c>
      <c r="B123" s="6" t="s">
        <v>152</v>
      </c>
      <c r="C123" s="7" t="s">
        <v>315</v>
      </c>
      <c r="D123" s="7" t="s">
        <v>331</v>
      </c>
      <c r="E123" s="8" t="s">
        <v>332</v>
      </c>
      <c r="F123" s="9">
        <v>0</v>
      </c>
      <c r="G123" s="5" t="s">
        <v>16</v>
      </c>
      <c r="H123" s="7" t="s">
        <v>333</v>
      </c>
      <c r="I123" s="10">
        <v>4021005007958</v>
      </c>
      <c r="K123" s="12">
        <v>0</v>
      </c>
      <c r="L123" s="12">
        <v>0</v>
      </c>
    </row>
    <row r="124" spans="1:12" ht="21.75" customHeight="1" x14ac:dyDescent="0.2">
      <c r="A124" s="5">
        <v>123</v>
      </c>
      <c r="B124" s="6" t="s">
        <v>152</v>
      </c>
      <c r="C124" s="7" t="s">
        <v>315</v>
      </c>
      <c r="D124" s="7" t="s">
        <v>334</v>
      </c>
      <c r="E124" s="8" t="s">
        <v>335</v>
      </c>
      <c r="F124" s="9">
        <v>0</v>
      </c>
      <c r="G124" s="5" t="s">
        <v>16</v>
      </c>
      <c r="H124" s="7" t="s">
        <v>336</v>
      </c>
      <c r="I124" s="10">
        <v>9021005007953</v>
      </c>
      <c r="K124" s="12">
        <v>0</v>
      </c>
      <c r="L124" s="12">
        <v>0</v>
      </c>
    </row>
    <row r="125" spans="1:12" ht="21.75" customHeight="1" x14ac:dyDescent="0.2">
      <c r="A125" s="5">
        <v>124</v>
      </c>
      <c r="B125" s="6" t="s">
        <v>152</v>
      </c>
      <c r="C125" s="7" t="s">
        <v>337</v>
      </c>
      <c r="D125" s="7" t="s">
        <v>338</v>
      </c>
      <c r="E125" s="8" t="s">
        <v>339</v>
      </c>
      <c r="F125" s="9">
        <v>0</v>
      </c>
      <c r="G125" s="5" t="s">
        <v>16</v>
      </c>
      <c r="H125" s="7" t="s">
        <v>340</v>
      </c>
      <c r="I125" s="10">
        <v>1021005008001</v>
      </c>
      <c r="K125" s="12">
        <v>0</v>
      </c>
      <c r="L125" s="12">
        <v>0</v>
      </c>
    </row>
    <row r="126" spans="1:12" ht="21.75" customHeight="1" x14ac:dyDescent="0.2">
      <c r="A126" s="5">
        <v>125</v>
      </c>
      <c r="B126" s="6" t="s">
        <v>152</v>
      </c>
      <c r="C126" s="7" t="s">
        <v>341</v>
      </c>
      <c r="D126" s="7" t="s">
        <v>342</v>
      </c>
      <c r="E126" s="8" t="s">
        <v>343</v>
      </c>
      <c r="F126" s="9">
        <v>0</v>
      </c>
      <c r="G126" s="5" t="s">
        <v>16</v>
      </c>
      <c r="H126" s="7" t="s">
        <v>344</v>
      </c>
      <c r="I126" s="10">
        <v>2021005007456</v>
      </c>
      <c r="K126" s="12">
        <v>0</v>
      </c>
      <c r="L126" s="12">
        <v>0</v>
      </c>
    </row>
    <row r="127" spans="1:12" ht="21.75" customHeight="1" x14ac:dyDescent="0.2">
      <c r="A127" s="5">
        <v>126</v>
      </c>
      <c r="B127" s="6" t="s">
        <v>152</v>
      </c>
      <c r="C127" s="7" t="s">
        <v>341</v>
      </c>
      <c r="D127" s="7" t="s">
        <v>345</v>
      </c>
      <c r="E127" s="8" t="s">
        <v>346</v>
      </c>
      <c r="F127" s="9">
        <v>0</v>
      </c>
      <c r="G127" s="5" t="s">
        <v>16</v>
      </c>
      <c r="H127" s="7" t="s">
        <v>347</v>
      </c>
      <c r="I127" s="10">
        <v>3021005007876</v>
      </c>
      <c r="K127" s="12">
        <v>0</v>
      </c>
      <c r="L127" s="12">
        <v>0</v>
      </c>
    </row>
    <row r="128" spans="1:12" ht="21.75" customHeight="1" x14ac:dyDescent="0.2">
      <c r="A128" s="5">
        <v>127</v>
      </c>
      <c r="B128" s="6" t="s">
        <v>152</v>
      </c>
      <c r="C128" s="7" t="s">
        <v>341</v>
      </c>
      <c r="D128" s="7" t="s">
        <v>348</v>
      </c>
      <c r="E128" s="8" t="s">
        <v>349</v>
      </c>
      <c r="F128" s="9">
        <v>0</v>
      </c>
      <c r="G128" s="5" t="s">
        <v>16</v>
      </c>
      <c r="H128" s="7" t="s">
        <v>350</v>
      </c>
      <c r="I128" s="10">
        <v>5021005007973</v>
      </c>
      <c r="K128" s="12">
        <v>0</v>
      </c>
      <c r="L128" s="12">
        <v>0</v>
      </c>
    </row>
    <row r="129" spans="1:12" ht="21.75" customHeight="1" x14ac:dyDescent="0.2">
      <c r="A129" s="5">
        <v>128</v>
      </c>
      <c r="B129" s="6" t="s">
        <v>152</v>
      </c>
      <c r="C129" s="7" t="s">
        <v>341</v>
      </c>
      <c r="D129" s="7" t="s">
        <v>351</v>
      </c>
      <c r="E129" s="8" t="s">
        <v>352</v>
      </c>
      <c r="F129" s="9">
        <v>0</v>
      </c>
      <c r="G129" s="5" t="s">
        <v>16</v>
      </c>
      <c r="H129" s="7" t="s">
        <v>353</v>
      </c>
      <c r="I129" s="10">
        <v>6021005007972</v>
      </c>
      <c r="K129" s="12">
        <v>0</v>
      </c>
      <c r="L129" s="12">
        <v>0</v>
      </c>
    </row>
    <row r="130" spans="1:12" ht="21.75" customHeight="1" x14ac:dyDescent="0.2">
      <c r="A130" s="5">
        <v>129</v>
      </c>
      <c r="B130" s="6" t="s">
        <v>152</v>
      </c>
      <c r="C130" s="7" t="s">
        <v>341</v>
      </c>
      <c r="D130" s="7" t="s">
        <v>354</v>
      </c>
      <c r="E130" s="8" t="s">
        <v>355</v>
      </c>
      <c r="F130" s="9">
        <v>0</v>
      </c>
      <c r="G130" s="5" t="s">
        <v>16</v>
      </c>
      <c r="H130" s="7" t="s">
        <v>356</v>
      </c>
      <c r="I130" s="10">
        <v>9021005008035</v>
      </c>
      <c r="K130" s="12">
        <v>0</v>
      </c>
      <c r="L130" s="12">
        <v>0</v>
      </c>
    </row>
    <row r="131" spans="1:12" ht="21.75" customHeight="1" x14ac:dyDescent="0.2">
      <c r="A131" s="5">
        <v>130</v>
      </c>
      <c r="B131" s="6" t="s">
        <v>152</v>
      </c>
      <c r="C131" s="7" t="s">
        <v>341</v>
      </c>
      <c r="D131" s="7" t="s">
        <v>357</v>
      </c>
      <c r="E131" s="8" t="s">
        <v>358</v>
      </c>
      <c r="F131" s="9">
        <v>0</v>
      </c>
      <c r="G131" s="5" t="s">
        <v>16</v>
      </c>
      <c r="H131" s="7" t="s">
        <v>359</v>
      </c>
      <c r="I131" s="10">
        <v>5021005008030</v>
      </c>
      <c r="K131" s="12">
        <v>0</v>
      </c>
      <c r="L131" s="12">
        <v>0</v>
      </c>
    </row>
    <row r="132" spans="1:12" ht="21.75" customHeight="1" x14ac:dyDescent="0.2">
      <c r="A132" s="5">
        <v>131</v>
      </c>
      <c r="B132" s="6" t="s">
        <v>152</v>
      </c>
      <c r="C132" s="7" t="s">
        <v>360</v>
      </c>
      <c r="D132" s="7" t="s">
        <v>361</v>
      </c>
      <c r="E132" s="8" t="s">
        <v>362</v>
      </c>
      <c r="F132" s="9">
        <v>0</v>
      </c>
      <c r="G132" s="5" t="s">
        <v>16</v>
      </c>
      <c r="H132" s="7" t="s">
        <v>363</v>
      </c>
      <c r="I132" s="10">
        <v>9021005007838</v>
      </c>
      <c r="K132" s="12">
        <v>0</v>
      </c>
      <c r="L132" s="12">
        <v>0</v>
      </c>
    </row>
    <row r="133" spans="1:12" ht="21.75" customHeight="1" x14ac:dyDescent="0.2">
      <c r="A133" s="5">
        <v>132</v>
      </c>
      <c r="B133" s="6" t="s">
        <v>152</v>
      </c>
      <c r="C133" s="7" t="s">
        <v>360</v>
      </c>
      <c r="D133" s="7" t="s">
        <v>364</v>
      </c>
      <c r="E133" s="8" t="s">
        <v>365</v>
      </c>
      <c r="F133" s="9">
        <v>0</v>
      </c>
      <c r="G133" s="5" t="s">
        <v>16</v>
      </c>
      <c r="H133" s="7" t="s">
        <v>366</v>
      </c>
      <c r="I133" s="10">
        <v>7021005007939</v>
      </c>
      <c r="K133" s="12">
        <v>0</v>
      </c>
      <c r="L133" s="12">
        <v>0</v>
      </c>
    </row>
    <row r="134" spans="1:12" ht="21.75" customHeight="1" x14ac:dyDescent="0.2">
      <c r="A134" s="5">
        <v>133</v>
      </c>
      <c r="B134" s="6" t="s">
        <v>152</v>
      </c>
      <c r="C134" s="7" t="s">
        <v>360</v>
      </c>
      <c r="D134" s="7" t="s">
        <v>367</v>
      </c>
      <c r="E134" s="8" t="s">
        <v>368</v>
      </c>
      <c r="F134" s="9">
        <v>0</v>
      </c>
      <c r="G134" s="5" t="s">
        <v>16</v>
      </c>
      <c r="H134" s="7" t="s">
        <v>369</v>
      </c>
      <c r="I134" s="10">
        <v>7021005007930</v>
      </c>
      <c r="K134" s="12">
        <v>0</v>
      </c>
      <c r="L134" s="12">
        <v>0</v>
      </c>
    </row>
    <row r="135" spans="1:12" ht="21.75" customHeight="1" x14ac:dyDescent="0.2">
      <c r="A135" s="5">
        <v>134</v>
      </c>
      <c r="B135" s="6" t="s">
        <v>152</v>
      </c>
      <c r="C135" s="7" t="s">
        <v>360</v>
      </c>
      <c r="D135" s="7" t="s">
        <v>370</v>
      </c>
      <c r="E135" s="8" t="s">
        <v>371</v>
      </c>
      <c r="F135" s="9">
        <v>0</v>
      </c>
      <c r="G135" s="5" t="s">
        <v>16</v>
      </c>
      <c r="H135" s="7" t="s">
        <v>372</v>
      </c>
      <c r="I135" s="10">
        <v>2021005007927</v>
      </c>
      <c r="K135" s="12">
        <v>0</v>
      </c>
      <c r="L135" s="12">
        <v>0</v>
      </c>
    </row>
    <row r="136" spans="1:12" ht="21.75" customHeight="1" x14ac:dyDescent="0.2">
      <c r="A136" s="5">
        <v>135</v>
      </c>
      <c r="B136" s="6" t="s">
        <v>152</v>
      </c>
      <c r="C136" s="7" t="s">
        <v>360</v>
      </c>
      <c r="D136" s="7" t="s">
        <v>373</v>
      </c>
      <c r="E136" s="8" t="s">
        <v>374</v>
      </c>
      <c r="F136" s="9">
        <v>0</v>
      </c>
      <c r="G136" s="5" t="s">
        <v>16</v>
      </c>
      <c r="H136" s="7" t="s">
        <v>375</v>
      </c>
      <c r="I136" s="10">
        <v>7021005007963</v>
      </c>
      <c r="K136" s="12">
        <v>0</v>
      </c>
      <c r="L136" s="12">
        <v>0</v>
      </c>
    </row>
    <row r="137" spans="1:12" ht="21.75" customHeight="1" x14ac:dyDescent="0.2">
      <c r="A137" s="5">
        <v>136</v>
      </c>
      <c r="B137" s="6" t="s">
        <v>152</v>
      </c>
      <c r="C137" s="7" t="s">
        <v>376</v>
      </c>
      <c r="D137" s="7" t="s">
        <v>377</v>
      </c>
      <c r="E137" s="8" t="s">
        <v>378</v>
      </c>
      <c r="F137" s="9">
        <v>0</v>
      </c>
      <c r="G137" s="5" t="s">
        <v>16</v>
      </c>
      <c r="H137" s="7" t="s">
        <v>379</v>
      </c>
      <c r="I137" s="10">
        <v>6021005007898</v>
      </c>
      <c r="K137" s="12">
        <v>0</v>
      </c>
      <c r="L137" s="12">
        <v>0</v>
      </c>
    </row>
    <row r="138" spans="1:12" ht="21.75" customHeight="1" x14ac:dyDescent="0.2">
      <c r="A138" s="5">
        <v>137</v>
      </c>
      <c r="B138" s="6" t="s">
        <v>152</v>
      </c>
      <c r="C138" s="7" t="s">
        <v>376</v>
      </c>
      <c r="D138" s="7" t="s">
        <v>380</v>
      </c>
      <c r="E138" s="8" t="s">
        <v>381</v>
      </c>
      <c r="F138" s="9">
        <v>0</v>
      </c>
      <c r="G138" s="5" t="s">
        <v>16</v>
      </c>
      <c r="H138" s="7" t="s">
        <v>382</v>
      </c>
      <c r="I138" s="10">
        <v>4021005007941</v>
      </c>
      <c r="K138" s="12">
        <v>0</v>
      </c>
      <c r="L138" s="12">
        <v>0</v>
      </c>
    </row>
    <row r="139" spans="1:12" ht="21.75" customHeight="1" x14ac:dyDescent="0.2">
      <c r="A139" s="5">
        <v>138</v>
      </c>
      <c r="B139" s="6" t="s">
        <v>152</v>
      </c>
      <c r="C139" s="7" t="s">
        <v>376</v>
      </c>
      <c r="D139" s="7" t="s">
        <v>383</v>
      </c>
      <c r="E139" s="8" t="s">
        <v>384</v>
      </c>
      <c r="F139" s="9">
        <v>0</v>
      </c>
      <c r="G139" s="5" t="s">
        <v>16</v>
      </c>
      <c r="H139" s="7" t="s">
        <v>385</v>
      </c>
      <c r="I139" s="10">
        <v>6021005007948</v>
      </c>
      <c r="K139" s="12">
        <v>0</v>
      </c>
      <c r="L139" s="12">
        <v>0</v>
      </c>
    </row>
    <row r="140" spans="1:12" ht="21.75" customHeight="1" x14ac:dyDescent="0.2">
      <c r="A140" s="5">
        <v>139</v>
      </c>
      <c r="B140" s="6" t="s">
        <v>152</v>
      </c>
      <c r="C140" s="7" t="s">
        <v>376</v>
      </c>
      <c r="D140" s="7" t="s">
        <v>386</v>
      </c>
      <c r="E140" s="8" t="s">
        <v>387</v>
      </c>
      <c r="F140" s="9">
        <v>0</v>
      </c>
      <c r="G140" s="5" t="s">
        <v>16</v>
      </c>
      <c r="H140" s="7" t="s">
        <v>388</v>
      </c>
      <c r="I140" s="10">
        <v>7021005007947</v>
      </c>
      <c r="K140" s="12">
        <v>0</v>
      </c>
      <c r="L140" s="12">
        <v>0</v>
      </c>
    </row>
    <row r="141" spans="1:12" ht="21.75" customHeight="1" x14ac:dyDescent="0.2">
      <c r="A141" s="5">
        <v>140</v>
      </c>
      <c r="B141" s="6" t="s">
        <v>152</v>
      </c>
      <c r="C141" s="7" t="s">
        <v>376</v>
      </c>
      <c r="D141" s="7" t="s">
        <v>389</v>
      </c>
      <c r="E141" s="8" t="s">
        <v>390</v>
      </c>
      <c r="F141" s="9">
        <v>0</v>
      </c>
      <c r="G141" s="5" t="s">
        <v>16</v>
      </c>
      <c r="H141" s="7" t="s">
        <v>391</v>
      </c>
      <c r="I141" s="10">
        <v>5021005007949</v>
      </c>
      <c r="K141" s="12">
        <v>0</v>
      </c>
      <c r="L141" s="12">
        <v>0</v>
      </c>
    </row>
    <row r="142" spans="1:12" ht="21.75" customHeight="1" x14ac:dyDescent="0.2">
      <c r="A142" s="5">
        <v>141</v>
      </c>
      <c r="B142" s="6" t="s">
        <v>152</v>
      </c>
      <c r="C142" s="7" t="s">
        <v>376</v>
      </c>
      <c r="D142" s="7" t="s">
        <v>348</v>
      </c>
      <c r="E142" s="8" t="s">
        <v>392</v>
      </c>
      <c r="F142" s="9">
        <v>0</v>
      </c>
      <c r="G142" s="5" t="s">
        <v>16</v>
      </c>
      <c r="H142" s="7" t="s">
        <v>393</v>
      </c>
      <c r="I142" s="10">
        <v>4021005007974</v>
      </c>
      <c r="K142" s="12">
        <v>0</v>
      </c>
      <c r="L142" s="12">
        <v>0</v>
      </c>
    </row>
    <row r="143" spans="1:12" ht="21.75" customHeight="1" x14ac:dyDescent="0.2">
      <c r="A143" s="5">
        <v>142</v>
      </c>
      <c r="B143" s="6" t="s">
        <v>152</v>
      </c>
      <c r="C143" s="7" t="s">
        <v>376</v>
      </c>
      <c r="D143" s="7" t="s">
        <v>394</v>
      </c>
      <c r="E143" s="8" t="s">
        <v>395</v>
      </c>
      <c r="F143" s="9">
        <v>0</v>
      </c>
      <c r="G143" s="5" t="s">
        <v>16</v>
      </c>
      <c r="H143" s="7" t="s">
        <v>396</v>
      </c>
      <c r="I143" s="10">
        <v>3021005007975</v>
      </c>
      <c r="K143" s="12">
        <v>0</v>
      </c>
      <c r="L143" s="12">
        <v>0</v>
      </c>
    </row>
    <row r="144" spans="1:12" ht="21.75" customHeight="1" x14ac:dyDescent="0.2">
      <c r="A144" s="5">
        <v>143</v>
      </c>
      <c r="B144" s="6" t="s">
        <v>152</v>
      </c>
      <c r="C144" s="7" t="s">
        <v>376</v>
      </c>
      <c r="D144" s="7" t="s">
        <v>397</v>
      </c>
      <c r="E144" s="8" t="s">
        <v>398</v>
      </c>
      <c r="F144" s="9">
        <v>0</v>
      </c>
      <c r="G144" s="5" t="s">
        <v>16</v>
      </c>
      <c r="H144" s="7" t="s">
        <v>399</v>
      </c>
      <c r="I144" s="10">
        <v>2021005008000</v>
      </c>
      <c r="K144" s="12">
        <v>0</v>
      </c>
      <c r="L144" s="12">
        <v>0</v>
      </c>
    </row>
    <row r="145" spans="1:12" ht="21.75" customHeight="1" x14ac:dyDescent="0.2">
      <c r="A145" s="5">
        <v>144</v>
      </c>
      <c r="B145" s="6" t="s">
        <v>152</v>
      </c>
      <c r="C145" s="7" t="s">
        <v>376</v>
      </c>
      <c r="D145" s="7" t="s">
        <v>400</v>
      </c>
      <c r="E145" s="8" t="s">
        <v>401</v>
      </c>
      <c r="F145" s="9">
        <v>0</v>
      </c>
      <c r="G145" s="5" t="s">
        <v>16</v>
      </c>
      <c r="H145" s="7" t="s">
        <v>402</v>
      </c>
      <c r="I145" s="10">
        <v>2021005008033</v>
      </c>
      <c r="K145" s="12">
        <v>0</v>
      </c>
      <c r="L145" s="12">
        <v>0</v>
      </c>
    </row>
    <row r="146" spans="1:12" ht="21.75" customHeight="1" x14ac:dyDescent="0.2">
      <c r="A146" s="5">
        <v>145</v>
      </c>
      <c r="B146" s="6" t="s">
        <v>152</v>
      </c>
      <c r="C146" s="7" t="s">
        <v>376</v>
      </c>
      <c r="D146" s="7" t="s">
        <v>403</v>
      </c>
      <c r="E146" s="8" t="s">
        <v>404</v>
      </c>
      <c r="F146" s="9">
        <v>0</v>
      </c>
      <c r="G146" s="5" t="s">
        <v>16</v>
      </c>
      <c r="H146" s="7" t="s">
        <v>405</v>
      </c>
      <c r="I146" s="10">
        <v>1021005008067</v>
      </c>
      <c r="K146" s="12">
        <v>0</v>
      </c>
      <c r="L146" s="12">
        <v>0</v>
      </c>
    </row>
    <row r="147" spans="1:12" ht="21.75" customHeight="1" x14ac:dyDescent="0.2">
      <c r="A147" s="5">
        <v>146</v>
      </c>
      <c r="B147" s="6" t="s">
        <v>152</v>
      </c>
      <c r="C147" s="7" t="s">
        <v>406</v>
      </c>
      <c r="D147" s="7" t="s">
        <v>407</v>
      </c>
      <c r="E147" s="8" t="s">
        <v>408</v>
      </c>
      <c r="F147" s="9">
        <v>0</v>
      </c>
      <c r="G147" s="5" t="s">
        <v>16</v>
      </c>
      <c r="H147" s="7" t="s">
        <v>409</v>
      </c>
      <c r="I147" s="10">
        <v>8021005007797</v>
      </c>
      <c r="K147" s="12">
        <v>0</v>
      </c>
      <c r="L147" s="12">
        <v>0</v>
      </c>
    </row>
    <row r="148" spans="1:12" ht="21.75" customHeight="1" x14ac:dyDescent="0.2">
      <c r="A148" s="5">
        <v>147</v>
      </c>
      <c r="B148" s="6" t="s">
        <v>152</v>
      </c>
      <c r="C148" s="7" t="s">
        <v>406</v>
      </c>
      <c r="D148" s="7" t="s">
        <v>410</v>
      </c>
      <c r="E148" s="8" t="s">
        <v>411</v>
      </c>
      <c r="F148" s="9">
        <v>0</v>
      </c>
      <c r="G148" s="5" t="s">
        <v>16</v>
      </c>
      <c r="H148" s="7" t="s">
        <v>412</v>
      </c>
      <c r="I148" s="10">
        <v>6021005007808</v>
      </c>
      <c r="K148" s="12">
        <v>0</v>
      </c>
      <c r="L148" s="12">
        <v>0</v>
      </c>
    </row>
    <row r="149" spans="1:12" ht="21.75" customHeight="1" x14ac:dyDescent="0.2">
      <c r="A149" s="5">
        <v>148</v>
      </c>
      <c r="B149" s="6" t="s">
        <v>152</v>
      </c>
      <c r="C149" s="7" t="s">
        <v>406</v>
      </c>
      <c r="D149" s="7" t="s">
        <v>413</v>
      </c>
      <c r="E149" s="8" t="s">
        <v>414</v>
      </c>
      <c r="F149" s="9">
        <v>0</v>
      </c>
      <c r="G149" s="5" t="s">
        <v>16</v>
      </c>
      <c r="H149" s="7" t="s">
        <v>415</v>
      </c>
      <c r="I149" s="10">
        <v>6021005007931</v>
      </c>
      <c r="K149" s="12">
        <v>0</v>
      </c>
      <c r="L149" s="12">
        <v>0</v>
      </c>
    </row>
    <row r="150" spans="1:12" ht="21.75" customHeight="1" x14ac:dyDescent="0.2">
      <c r="A150" s="5">
        <v>149</v>
      </c>
      <c r="B150" s="6" t="s">
        <v>152</v>
      </c>
      <c r="C150" s="7" t="s">
        <v>406</v>
      </c>
      <c r="D150" s="7" t="s">
        <v>416</v>
      </c>
      <c r="E150" s="8" t="s">
        <v>417</v>
      </c>
      <c r="F150" s="9">
        <v>0</v>
      </c>
      <c r="G150" s="5" t="s">
        <v>16</v>
      </c>
      <c r="H150" s="7" t="s">
        <v>418</v>
      </c>
      <c r="I150" s="10">
        <v>7021005007864</v>
      </c>
      <c r="K150" s="12">
        <v>0</v>
      </c>
      <c r="L150" s="12">
        <v>0</v>
      </c>
    </row>
    <row r="151" spans="1:12" ht="21.75" customHeight="1" x14ac:dyDescent="0.2">
      <c r="A151" s="5">
        <v>150</v>
      </c>
      <c r="B151" s="6" t="s">
        <v>152</v>
      </c>
      <c r="C151" s="7" t="s">
        <v>406</v>
      </c>
      <c r="D151" s="7" t="s">
        <v>419</v>
      </c>
      <c r="E151" s="8" t="s">
        <v>420</v>
      </c>
      <c r="F151" s="9">
        <v>0</v>
      </c>
      <c r="G151" s="5" t="s">
        <v>16</v>
      </c>
      <c r="H151" s="7" t="s">
        <v>421</v>
      </c>
      <c r="I151" s="10">
        <v>4021005007875</v>
      </c>
      <c r="K151" s="12">
        <v>0</v>
      </c>
      <c r="L151" s="12">
        <v>0</v>
      </c>
    </row>
    <row r="152" spans="1:12" ht="21.75" customHeight="1" x14ac:dyDescent="0.2">
      <c r="A152" s="5">
        <v>151</v>
      </c>
      <c r="B152" s="6" t="s">
        <v>152</v>
      </c>
      <c r="C152" s="7" t="s">
        <v>406</v>
      </c>
      <c r="D152" s="7" t="s">
        <v>422</v>
      </c>
      <c r="E152" s="8" t="s">
        <v>423</v>
      </c>
      <c r="F152" s="9">
        <v>0</v>
      </c>
      <c r="G152" s="5" t="s">
        <v>16</v>
      </c>
      <c r="H152" s="7" t="s">
        <v>424</v>
      </c>
      <c r="I152" s="10">
        <v>5021005007932</v>
      </c>
      <c r="K152" s="12">
        <v>0</v>
      </c>
      <c r="L152" s="12">
        <v>0</v>
      </c>
    </row>
    <row r="153" spans="1:12" ht="21.75" customHeight="1" x14ac:dyDescent="0.2">
      <c r="A153" s="5">
        <v>152</v>
      </c>
      <c r="B153" s="6" t="s">
        <v>152</v>
      </c>
      <c r="C153" s="7" t="s">
        <v>406</v>
      </c>
      <c r="D153" s="7" t="s">
        <v>425</v>
      </c>
      <c r="E153" s="8" t="s">
        <v>426</v>
      </c>
      <c r="F153" s="9">
        <v>0</v>
      </c>
      <c r="G153" s="5" t="s">
        <v>16</v>
      </c>
      <c r="H153" s="7" t="s">
        <v>427</v>
      </c>
      <c r="I153" s="10">
        <v>2021005007943</v>
      </c>
      <c r="K153" s="12">
        <v>0</v>
      </c>
      <c r="L153" s="12">
        <v>0</v>
      </c>
    </row>
    <row r="154" spans="1:12" ht="21.75" customHeight="1" x14ac:dyDescent="0.2">
      <c r="A154" s="5">
        <v>153</v>
      </c>
      <c r="B154" s="6" t="s">
        <v>152</v>
      </c>
      <c r="C154" s="7" t="s">
        <v>406</v>
      </c>
      <c r="D154" s="7" t="s">
        <v>428</v>
      </c>
      <c r="E154" s="8" t="s">
        <v>429</v>
      </c>
      <c r="F154" s="9">
        <v>0</v>
      </c>
      <c r="G154" s="5" t="s">
        <v>16</v>
      </c>
      <c r="H154" s="7" t="s">
        <v>430</v>
      </c>
      <c r="I154" s="10">
        <v>2021005007951</v>
      </c>
      <c r="K154" s="12">
        <v>0</v>
      </c>
      <c r="L154" s="12">
        <v>0</v>
      </c>
    </row>
    <row r="155" spans="1:12" ht="21.75" customHeight="1" x14ac:dyDescent="0.2">
      <c r="A155" s="5">
        <v>154</v>
      </c>
      <c r="B155" s="6" t="s">
        <v>152</v>
      </c>
      <c r="C155" s="7" t="s">
        <v>406</v>
      </c>
      <c r="D155" s="7" t="s">
        <v>431</v>
      </c>
      <c r="E155" s="8" t="s">
        <v>432</v>
      </c>
      <c r="F155" s="9">
        <v>0</v>
      </c>
      <c r="G155" s="5" t="s">
        <v>16</v>
      </c>
      <c r="H155" s="7" t="s">
        <v>433</v>
      </c>
      <c r="I155" s="10">
        <v>9021005007945</v>
      </c>
      <c r="K155" s="12">
        <v>0</v>
      </c>
      <c r="L155" s="12">
        <v>0</v>
      </c>
    </row>
    <row r="156" spans="1:12" ht="21.75" customHeight="1" x14ac:dyDescent="0.2">
      <c r="A156" s="5">
        <v>155</v>
      </c>
      <c r="B156" s="6" t="s">
        <v>152</v>
      </c>
      <c r="C156" s="7" t="s">
        <v>406</v>
      </c>
      <c r="D156" s="7" t="s">
        <v>434</v>
      </c>
      <c r="E156" s="8" t="s">
        <v>435</v>
      </c>
      <c r="F156" s="9">
        <v>0</v>
      </c>
      <c r="G156" s="5" t="s">
        <v>16</v>
      </c>
      <c r="H156" s="7" t="s">
        <v>436</v>
      </c>
      <c r="I156" s="10">
        <v>7021005007971</v>
      </c>
      <c r="K156" s="12">
        <v>0</v>
      </c>
      <c r="L156" s="12">
        <v>0</v>
      </c>
    </row>
    <row r="157" spans="1:12" ht="21.75" customHeight="1" x14ac:dyDescent="0.2">
      <c r="A157" s="5">
        <v>156</v>
      </c>
      <c r="B157" s="6" t="s">
        <v>152</v>
      </c>
      <c r="C157" s="7" t="s">
        <v>406</v>
      </c>
      <c r="D157" s="7" t="s">
        <v>437</v>
      </c>
      <c r="E157" s="8" t="s">
        <v>438</v>
      </c>
      <c r="F157" s="9">
        <v>0</v>
      </c>
      <c r="G157" s="5" t="s">
        <v>16</v>
      </c>
      <c r="H157" s="7" t="s">
        <v>439</v>
      </c>
      <c r="I157" s="10">
        <v>2021005008207</v>
      </c>
      <c r="K157" s="12">
        <v>0</v>
      </c>
      <c r="L157" s="12">
        <v>0</v>
      </c>
    </row>
    <row r="158" spans="1:12" ht="21.75" customHeight="1" x14ac:dyDescent="0.2">
      <c r="A158" s="5">
        <v>157</v>
      </c>
      <c r="B158" s="6" t="s">
        <v>152</v>
      </c>
      <c r="C158" s="7" t="s">
        <v>406</v>
      </c>
      <c r="D158" s="7" t="s">
        <v>440</v>
      </c>
      <c r="E158" s="8" t="s">
        <v>441</v>
      </c>
      <c r="F158" s="9">
        <v>0</v>
      </c>
      <c r="G158" s="5" t="s">
        <v>16</v>
      </c>
      <c r="H158" s="7" t="s">
        <v>442</v>
      </c>
      <c r="I158" s="10">
        <v>7021005007996</v>
      </c>
      <c r="K158" s="12">
        <v>0</v>
      </c>
      <c r="L158" s="12">
        <v>0</v>
      </c>
    </row>
    <row r="159" spans="1:12" ht="21.75" customHeight="1" x14ac:dyDescent="0.2">
      <c r="A159" s="5">
        <v>158</v>
      </c>
      <c r="B159" s="6" t="s">
        <v>152</v>
      </c>
      <c r="C159" s="7" t="s">
        <v>406</v>
      </c>
      <c r="D159" s="7" t="s">
        <v>443</v>
      </c>
      <c r="E159" s="8" t="s">
        <v>444</v>
      </c>
      <c r="F159" s="9">
        <v>0</v>
      </c>
      <c r="G159" s="5" t="s">
        <v>16</v>
      </c>
      <c r="H159" s="7" t="s">
        <v>445</v>
      </c>
      <c r="I159" s="10">
        <v>6021005007997</v>
      </c>
      <c r="K159" s="12">
        <v>0</v>
      </c>
      <c r="L159" s="12">
        <v>0</v>
      </c>
    </row>
    <row r="160" spans="1:12" ht="21.75" customHeight="1" x14ac:dyDescent="0.2">
      <c r="A160" s="5">
        <v>159</v>
      </c>
      <c r="B160" s="6" t="s">
        <v>152</v>
      </c>
      <c r="C160" s="7" t="s">
        <v>406</v>
      </c>
      <c r="D160" s="7" t="s">
        <v>446</v>
      </c>
      <c r="E160" s="8" t="s">
        <v>447</v>
      </c>
      <c r="F160" s="9">
        <v>0</v>
      </c>
      <c r="G160" s="5" t="s">
        <v>16</v>
      </c>
      <c r="H160" s="7" t="s">
        <v>448</v>
      </c>
      <c r="I160" s="10">
        <v>4021005008023</v>
      </c>
      <c r="K160" s="12">
        <v>0</v>
      </c>
      <c r="L160" s="12">
        <v>0</v>
      </c>
    </row>
    <row r="161" spans="1:12" ht="21.75" customHeight="1" x14ac:dyDescent="0.2">
      <c r="A161" s="5">
        <v>160</v>
      </c>
      <c r="B161" s="6" t="s">
        <v>152</v>
      </c>
      <c r="C161" s="7" t="s">
        <v>406</v>
      </c>
      <c r="D161" s="7" t="s">
        <v>449</v>
      </c>
      <c r="E161" s="8" t="s">
        <v>450</v>
      </c>
      <c r="F161" s="9">
        <v>0</v>
      </c>
      <c r="G161" s="5" t="s">
        <v>16</v>
      </c>
      <c r="H161" s="7" t="s">
        <v>451</v>
      </c>
      <c r="I161" s="10">
        <v>6021005008021</v>
      </c>
      <c r="K161" s="12">
        <v>0</v>
      </c>
      <c r="L161" s="12">
        <v>0</v>
      </c>
    </row>
    <row r="162" spans="1:12" ht="21.75" customHeight="1" x14ac:dyDescent="0.2">
      <c r="A162" s="5">
        <v>161</v>
      </c>
      <c r="B162" s="6" t="s">
        <v>152</v>
      </c>
      <c r="C162" s="7" t="s">
        <v>406</v>
      </c>
      <c r="D162" s="7" t="s">
        <v>452</v>
      </c>
      <c r="E162" s="8" t="s">
        <v>453</v>
      </c>
      <c r="F162" s="9">
        <v>0</v>
      </c>
      <c r="G162" s="5" t="s">
        <v>16</v>
      </c>
      <c r="H162" s="7" t="s">
        <v>454</v>
      </c>
      <c r="I162" s="10">
        <v>1021005008018</v>
      </c>
      <c r="K162" s="12">
        <v>0</v>
      </c>
      <c r="L162" s="12">
        <v>0</v>
      </c>
    </row>
    <row r="163" spans="1:12" ht="21.75" customHeight="1" x14ac:dyDescent="0.2">
      <c r="A163" s="5">
        <v>162</v>
      </c>
      <c r="B163" s="6" t="s">
        <v>152</v>
      </c>
      <c r="C163" s="7" t="s">
        <v>406</v>
      </c>
      <c r="D163" s="7" t="s">
        <v>455</v>
      </c>
      <c r="E163" s="8" t="s">
        <v>456</v>
      </c>
      <c r="F163" s="9">
        <v>0</v>
      </c>
      <c r="G163" s="5" t="s">
        <v>16</v>
      </c>
      <c r="H163" s="7" t="s">
        <v>457</v>
      </c>
      <c r="I163" s="10">
        <v>1021005008050</v>
      </c>
      <c r="K163" s="12">
        <v>0</v>
      </c>
      <c r="L163" s="12">
        <v>0</v>
      </c>
    </row>
    <row r="164" spans="1:12" ht="21.75" customHeight="1" x14ac:dyDescent="0.2">
      <c r="A164" s="5">
        <v>163</v>
      </c>
      <c r="B164" s="6" t="s">
        <v>152</v>
      </c>
      <c r="C164" s="7" t="s">
        <v>406</v>
      </c>
      <c r="D164" s="7" t="s">
        <v>458</v>
      </c>
      <c r="E164" s="8" t="s">
        <v>459</v>
      </c>
      <c r="F164" s="9">
        <v>0</v>
      </c>
      <c r="G164" s="5" t="s">
        <v>16</v>
      </c>
      <c r="H164" s="7" t="s">
        <v>460</v>
      </c>
      <c r="I164" s="10">
        <v>1021005008042</v>
      </c>
      <c r="K164" s="12">
        <v>0</v>
      </c>
      <c r="L164" s="12">
        <v>0</v>
      </c>
    </row>
    <row r="165" spans="1:12" ht="21.75" customHeight="1" x14ac:dyDescent="0.2">
      <c r="A165" s="5">
        <v>164</v>
      </c>
      <c r="B165" s="6" t="s">
        <v>152</v>
      </c>
      <c r="C165" s="7" t="s">
        <v>406</v>
      </c>
      <c r="D165" s="7" t="s">
        <v>461</v>
      </c>
      <c r="E165" s="8" t="s">
        <v>462</v>
      </c>
      <c r="F165" s="9">
        <v>0</v>
      </c>
      <c r="G165" s="5" t="s">
        <v>16</v>
      </c>
      <c r="H165" s="7" t="s">
        <v>463</v>
      </c>
      <c r="I165" s="10">
        <v>2021005008041</v>
      </c>
      <c r="K165" s="12">
        <v>0</v>
      </c>
      <c r="L165" s="12">
        <v>0</v>
      </c>
    </row>
    <row r="166" spans="1:12" ht="21.75" customHeight="1" x14ac:dyDescent="0.2">
      <c r="A166" s="5">
        <v>165</v>
      </c>
      <c r="B166" s="6" t="s">
        <v>152</v>
      </c>
      <c r="C166" s="7" t="s">
        <v>406</v>
      </c>
      <c r="D166" s="7" t="s">
        <v>464</v>
      </c>
      <c r="E166" s="8" t="s">
        <v>465</v>
      </c>
      <c r="F166" s="9">
        <v>0</v>
      </c>
      <c r="G166" s="5" t="s">
        <v>16</v>
      </c>
      <c r="H166" s="7" t="s">
        <v>466</v>
      </c>
      <c r="I166" s="10">
        <v>3021005008065</v>
      </c>
      <c r="K166" s="12">
        <v>0</v>
      </c>
      <c r="L166" s="12">
        <v>0</v>
      </c>
    </row>
    <row r="167" spans="1:12" ht="21.75" customHeight="1" x14ac:dyDescent="0.2">
      <c r="A167" s="5">
        <v>166</v>
      </c>
      <c r="B167" s="6" t="s">
        <v>152</v>
      </c>
      <c r="C167" s="7" t="s">
        <v>467</v>
      </c>
      <c r="D167" s="7" t="s">
        <v>468</v>
      </c>
      <c r="E167" s="8" t="s">
        <v>469</v>
      </c>
      <c r="F167" s="9">
        <v>0</v>
      </c>
      <c r="G167" s="5" t="s">
        <v>16</v>
      </c>
      <c r="H167" s="7" t="s">
        <v>470</v>
      </c>
      <c r="I167" s="10">
        <v>9021005008027</v>
      </c>
      <c r="K167" s="12">
        <v>0</v>
      </c>
      <c r="L167" s="12">
        <v>0</v>
      </c>
    </row>
    <row r="168" spans="1:12" ht="21.75" customHeight="1" x14ac:dyDescent="0.2">
      <c r="A168" s="5">
        <v>167</v>
      </c>
      <c r="B168" s="6" t="s">
        <v>152</v>
      </c>
      <c r="C168" s="7" t="s">
        <v>471</v>
      </c>
      <c r="D168" s="7" t="s">
        <v>472</v>
      </c>
      <c r="E168" s="8" t="s">
        <v>473</v>
      </c>
      <c r="F168" s="9">
        <v>0</v>
      </c>
      <c r="G168" s="5" t="s">
        <v>16</v>
      </c>
      <c r="H168" s="7" t="s">
        <v>474</v>
      </c>
      <c r="I168" s="10">
        <v>1021005007911</v>
      </c>
      <c r="K168" s="12">
        <v>0</v>
      </c>
      <c r="L168" s="12">
        <v>0</v>
      </c>
    </row>
    <row r="169" spans="1:12" ht="21.75" customHeight="1" x14ac:dyDescent="0.2">
      <c r="A169" s="5">
        <v>168</v>
      </c>
      <c r="B169" s="6" t="s">
        <v>152</v>
      </c>
      <c r="C169" s="7" t="s">
        <v>471</v>
      </c>
      <c r="D169" s="7" t="s">
        <v>475</v>
      </c>
      <c r="E169" s="8" t="s">
        <v>476</v>
      </c>
      <c r="F169" s="9" t="s">
        <v>163</v>
      </c>
      <c r="G169" s="5" t="s">
        <v>16</v>
      </c>
      <c r="H169" s="7" t="s">
        <v>477</v>
      </c>
      <c r="I169" s="10">
        <v>9021005008051</v>
      </c>
      <c r="K169" s="12">
        <v>0</v>
      </c>
      <c r="L169" s="12">
        <v>0</v>
      </c>
    </row>
    <row r="170" spans="1:12" ht="21.75" customHeight="1" x14ac:dyDescent="0.2">
      <c r="A170" s="5">
        <v>169</v>
      </c>
      <c r="B170" s="6" t="s">
        <v>152</v>
      </c>
      <c r="C170" s="7" t="s">
        <v>478</v>
      </c>
      <c r="D170" s="7" t="s">
        <v>479</v>
      </c>
      <c r="E170" s="8" t="s">
        <v>480</v>
      </c>
      <c r="F170" s="9">
        <v>0</v>
      </c>
      <c r="G170" s="5" t="s">
        <v>16</v>
      </c>
      <c r="H170" s="7" t="s">
        <v>481</v>
      </c>
      <c r="I170" s="10">
        <v>3021005007950</v>
      </c>
      <c r="K170" s="12">
        <v>0</v>
      </c>
      <c r="L170" s="12">
        <v>0</v>
      </c>
    </row>
    <row r="171" spans="1:12" ht="21.75" customHeight="1" x14ac:dyDescent="0.2">
      <c r="A171" s="5">
        <v>170</v>
      </c>
      <c r="B171" s="6" t="s">
        <v>152</v>
      </c>
      <c r="C171" s="7" t="s">
        <v>482</v>
      </c>
      <c r="D171" s="7" t="s">
        <v>483</v>
      </c>
      <c r="E171" s="8" t="s">
        <v>484</v>
      </c>
      <c r="F171" s="9">
        <v>0</v>
      </c>
      <c r="G171" s="5" t="s">
        <v>16</v>
      </c>
      <c r="H171" s="7" t="s">
        <v>485</v>
      </c>
      <c r="I171" s="10">
        <v>1021005007861</v>
      </c>
      <c r="K171" s="12">
        <v>0</v>
      </c>
      <c r="L171" s="12">
        <v>0</v>
      </c>
    </row>
    <row r="172" spans="1:12" ht="21.75" customHeight="1" x14ac:dyDescent="0.2">
      <c r="A172" s="5">
        <v>171</v>
      </c>
      <c r="B172" s="6" t="s">
        <v>152</v>
      </c>
      <c r="C172" s="7" t="s">
        <v>482</v>
      </c>
      <c r="D172" s="7" t="s">
        <v>486</v>
      </c>
      <c r="E172" s="8" t="s">
        <v>487</v>
      </c>
      <c r="F172" s="9">
        <v>0</v>
      </c>
      <c r="G172" s="5" t="s">
        <v>16</v>
      </c>
      <c r="H172" s="7" t="s">
        <v>488</v>
      </c>
      <c r="I172" s="10">
        <v>2021005007860</v>
      </c>
      <c r="K172" s="12">
        <v>0</v>
      </c>
      <c r="L172" s="12">
        <v>0</v>
      </c>
    </row>
    <row r="173" spans="1:12" ht="21.75" customHeight="1" x14ac:dyDescent="0.2">
      <c r="A173" s="5">
        <v>172</v>
      </c>
      <c r="B173" s="6" t="s">
        <v>152</v>
      </c>
      <c r="C173" s="7" t="s">
        <v>489</v>
      </c>
      <c r="D173" s="7" t="s">
        <v>490</v>
      </c>
      <c r="E173" s="8" t="s">
        <v>491</v>
      </c>
      <c r="F173" s="9">
        <v>0</v>
      </c>
      <c r="G173" s="5" t="s">
        <v>16</v>
      </c>
      <c r="H173" s="7" t="s">
        <v>492</v>
      </c>
      <c r="I173" s="10">
        <v>9021005007805</v>
      </c>
      <c r="K173" s="12">
        <v>0</v>
      </c>
      <c r="L173" s="12">
        <v>0</v>
      </c>
    </row>
    <row r="174" spans="1:12" ht="21.75" customHeight="1" x14ac:dyDescent="0.2">
      <c r="A174" s="5">
        <v>173</v>
      </c>
      <c r="B174" s="6" t="s">
        <v>152</v>
      </c>
      <c r="C174" s="7" t="s">
        <v>489</v>
      </c>
      <c r="D174" s="7" t="s">
        <v>493</v>
      </c>
      <c r="E174" s="8" t="s">
        <v>494</v>
      </c>
      <c r="F174" s="9">
        <v>0</v>
      </c>
      <c r="G174" s="5" t="s">
        <v>16</v>
      </c>
      <c r="H174" s="7" t="s">
        <v>495</v>
      </c>
      <c r="I174" s="10">
        <v>2021005007811</v>
      </c>
      <c r="K174" s="12">
        <v>0</v>
      </c>
      <c r="L174" s="12">
        <v>0</v>
      </c>
    </row>
    <row r="175" spans="1:12" ht="21.75" customHeight="1" x14ac:dyDescent="0.2">
      <c r="A175" s="5">
        <v>174</v>
      </c>
      <c r="B175" s="6" t="s">
        <v>152</v>
      </c>
      <c r="C175" s="7" t="s">
        <v>489</v>
      </c>
      <c r="D175" s="7" t="s">
        <v>496</v>
      </c>
      <c r="E175" s="8" t="s">
        <v>497</v>
      </c>
      <c r="F175" s="9">
        <v>0</v>
      </c>
      <c r="G175" s="5" t="s">
        <v>16</v>
      </c>
      <c r="H175" s="7" t="s">
        <v>498</v>
      </c>
      <c r="I175" s="10">
        <v>1021005007837</v>
      </c>
      <c r="K175" s="12">
        <v>0</v>
      </c>
      <c r="L175" s="12">
        <v>0</v>
      </c>
    </row>
    <row r="176" spans="1:12" ht="21.75" customHeight="1" x14ac:dyDescent="0.2">
      <c r="A176" s="5">
        <v>175</v>
      </c>
      <c r="B176" s="6" t="s">
        <v>152</v>
      </c>
      <c r="C176" s="7" t="s">
        <v>489</v>
      </c>
      <c r="D176" s="7" t="s">
        <v>499</v>
      </c>
      <c r="E176" s="8" t="s">
        <v>500</v>
      </c>
      <c r="F176" s="9">
        <v>0</v>
      </c>
      <c r="G176" s="5" t="s">
        <v>16</v>
      </c>
      <c r="H176" s="7" t="s">
        <v>501</v>
      </c>
      <c r="I176" s="10">
        <v>8021005008696</v>
      </c>
      <c r="K176" s="12">
        <v>0</v>
      </c>
      <c r="L176" s="12">
        <v>0</v>
      </c>
    </row>
    <row r="177" spans="1:12" ht="21.75" customHeight="1" x14ac:dyDescent="0.2">
      <c r="A177" s="5">
        <v>176</v>
      </c>
      <c r="B177" s="6" t="s">
        <v>152</v>
      </c>
      <c r="C177" s="7" t="s">
        <v>489</v>
      </c>
      <c r="D177" s="7" t="s">
        <v>502</v>
      </c>
      <c r="E177" s="8" t="s">
        <v>503</v>
      </c>
      <c r="F177" s="9">
        <v>0</v>
      </c>
      <c r="G177" s="5" t="s">
        <v>16</v>
      </c>
      <c r="H177" s="7" t="s">
        <v>504</v>
      </c>
      <c r="I177" s="10">
        <v>8021005007863</v>
      </c>
      <c r="K177" s="12">
        <v>0</v>
      </c>
      <c r="L177" s="12">
        <v>0</v>
      </c>
    </row>
    <row r="178" spans="1:12" ht="21.75" customHeight="1" x14ac:dyDescent="0.2">
      <c r="A178" s="5">
        <v>177</v>
      </c>
      <c r="B178" s="6" t="s">
        <v>152</v>
      </c>
      <c r="C178" s="7" t="s">
        <v>489</v>
      </c>
      <c r="D178" s="7" t="s">
        <v>505</v>
      </c>
      <c r="E178" s="8" t="s">
        <v>506</v>
      </c>
      <c r="F178" s="9">
        <v>0</v>
      </c>
      <c r="G178" s="5" t="s">
        <v>16</v>
      </c>
      <c r="H178" s="7" t="s">
        <v>507</v>
      </c>
      <c r="I178" s="10">
        <v>8021005007905</v>
      </c>
      <c r="K178" s="12">
        <v>0</v>
      </c>
      <c r="L178" s="12">
        <v>0</v>
      </c>
    </row>
    <row r="179" spans="1:12" ht="21.75" customHeight="1" x14ac:dyDescent="0.2">
      <c r="A179" s="5">
        <v>178</v>
      </c>
      <c r="B179" s="6" t="s">
        <v>152</v>
      </c>
      <c r="C179" s="7" t="s">
        <v>489</v>
      </c>
      <c r="D179" s="7" t="s">
        <v>508</v>
      </c>
      <c r="E179" s="8" t="s">
        <v>509</v>
      </c>
      <c r="F179" s="9">
        <v>0</v>
      </c>
      <c r="G179" s="5" t="s">
        <v>16</v>
      </c>
      <c r="H179" s="7" t="s">
        <v>510</v>
      </c>
      <c r="I179" s="10">
        <v>9021005007862</v>
      </c>
      <c r="J179" s="11" t="s">
        <v>2931</v>
      </c>
      <c r="K179" s="12">
        <v>0</v>
      </c>
      <c r="L179" s="12" t="s">
        <v>511</v>
      </c>
    </row>
    <row r="180" spans="1:12" ht="21.75" customHeight="1" x14ac:dyDescent="0.2">
      <c r="A180" s="5">
        <v>179</v>
      </c>
      <c r="B180" s="6" t="s">
        <v>152</v>
      </c>
      <c r="C180" s="7" t="s">
        <v>489</v>
      </c>
      <c r="D180" s="7" t="s">
        <v>512</v>
      </c>
      <c r="E180" s="8" t="s">
        <v>513</v>
      </c>
      <c r="F180" s="9">
        <v>0</v>
      </c>
      <c r="G180" s="5" t="s">
        <v>16</v>
      </c>
      <c r="H180" s="7" t="s">
        <v>514</v>
      </c>
      <c r="I180" s="10">
        <v>6021005007865</v>
      </c>
      <c r="K180" s="12">
        <v>0</v>
      </c>
      <c r="L180" s="12">
        <v>0</v>
      </c>
    </row>
    <row r="181" spans="1:12" ht="21.75" customHeight="1" x14ac:dyDescent="0.2">
      <c r="A181" s="5">
        <v>180</v>
      </c>
      <c r="B181" s="6" t="s">
        <v>152</v>
      </c>
      <c r="C181" s="7" t="s">
        <v>489</v>
      </c>
      <c r="D181" s="7" t="s">
        <v>515</v>
      </c>
      <c r="E181" s="8" t="s">
        <v>516</v>
      </c>
      <c r="F181" s="9">
        <v>0</v>
      </c>
      <c r="G181" s="5" t="s">
        <v>16</v>
      </c>
      <c r="H181" s="7" t="s">
        <v>517</v>
      </c>
      <c r="I181" s="10">
        <v>6021005007923</v>
      </c>
      <c r="K181" s="12">
        <v>0</v>
      </c>
      <c r="L181" s="12">
        <v>0</v>
      </c>
    </row>
    <row r="182" spans="1:12" ht="21.75" customHeight="1" x14ac:dyDescent="0.2">
      <c r="A182" s="5">
        <v>181</v>
      </c>
      <c r="B182" s="6" t="s">
        <v>152</v>
      </c>
      <c r="C182" s="7" t="s">
        <v>489</v>
      </c>
      <c r="D182" s="7" t="s">
        <v>518</v>
      </c>
      <c r="E182" s="8" t="s">
        <v>519</v>
      </c>
      <c r="F182" s="9">
        <v>0</v>
      </c>
      <c r="G182" s="5" t="s">
        <v>16</v>
      </c>
      <c r="H182" s="7" t="s">
        <v>520</v>
      </c>
      <c r="I182" s="10">
        <v>3021005007810</v>
      </c>
      <c r="K182" s="12">
        <v>0</v>
      </c>
      <c r="L182" s="12">
        <v>0</v>
      </c>
    </row>
    <row r="183" spans="1:12" ht="21.75" customHeight="1" x14ac:dyDescent="0.2">
      <c r="A183" s="5">
        <v>182</v>
      </c>
      <c r="B183" s="6" t="s">
        <v>152</v>
      </c>
      <c r="C183" s="7" t="s">
        <v>489</v>
      </c>
      <c r="D183" s="7" t="s">
        <v>521</v>
      </c>
      <c r="E183" s="8" t="s">
        <v>522</v>
      </c>
      <c r="F183" s="9">
        <v>0</v>
      </c>
      <c r="G183" s="5" t="s">
        <v>16</v>
      </c>
      <c r="H183" s="7" t="s">
        <v>523</v>
      </c>
      <c r="I183" s="10">
        <v>4021005008007</v>
      </c>
      <c r="K183" s="12">
        <v>0</v>
      </c>
      <c r="L183" s="12">
        <v>0</v>
      </c>
    </row>
    <row r="184" spans="1:12" ht="21.75" customHeight="1" x14ac:dyDescent="0.2">
      <c r="A184" s="5">
        <v>183</v>
      </c>
      <c r="B184" s="6" t="s">
        <v>152</v>
      </c>
      <c r="C184" s="7" t="s">
        <v>489</v>
      </c>
      <c r="D184" s="7" t="s">
        <v>524</v>
      </c>
      <c r="E184" s="8" t="s">
        <v>525</v>
      </c>
      <c r="F184" s="9">
        <v>0</v>
      </c>
      <c r="G184" s="5" t="s">
        <v>16</v>
      </c>
      <c r="H184" s="7" t="s">
        <v>526</v>
      </c>
      <c r="I184" s="10">
        <v>7021005008482</v>
      </c>
      <c r="K184" s="12">
        <v>0</v>
      </c>
      <c r="L184" s="12">
        <v>0</v>
      </c>
    </row>
    <row r="185" spans="1:12" ht="21.75" customHeight="1" x14ac:dyDescent="0.2">
      <c r="A185" s="5">
        <v>184</v>
      </c>
      <c r="B185" s="6" t="s">
        <v>152</v>
      </c>
      <c r="C185" s="7" t="s">
        <v>489</v>
      </c>
      <c r="D185" s="7" t="s">
        <v>527</v>
      </c>
      <c r="E185" s="8" t="s">
        <v>528</v>
      </c>
      <c r="F185" s="9">
        <v>0</v>
      </c>
      <c r="G185" s="5" t="s">
        <v>16</v>
      </c>
      <c r="H185" s="7" t="s">
        <v>529</v>
      </c>
      <c r="I185" s="10">
        <v>3021005008016</v>
      </c>
      <c r="K185" s="12">
        <v>0</v>
      </c>
      <c r="L185" s="12">
        <v>0</v>
      </c>
    </row>
    <row r="186" spans="1:12" ht="21.75" customHeight="1" x14ac:dyDescent="0.2">
      <c r="A186" s="5">
        <v>185</v>
      </c>
      <c r="B186" s="6" t="s">
        <v>152</v>
      </c>
      <c r="C186" s="7" t="s">
        <v>489</v>
      </c>
      <c r="D186" s="7" t="s">
        <v>530</v>
      </c>
      <c r="E186" s="8" t="s">
        <v>531</v>
      </c>
      <c r="F186" s="9">
        <v>0</v>
      </c>
      <c r="G186" s="5" t="s">
        <v>16</v>
      </c>
      <c r="H186" s="7" t="s">
        <v>532</v>
      </c>
      <c r="I186" s="10">
        <v>5021005008039</v>
      </c>
      <c r="K186" s="12">
        <v>0</v>
      </c>
      <c r="L186" s="12">
        <v>0</v>
      </c>
    </row>
    <row r="187" spans="1:12" ht="21.75" customHeight="1" x14ac:dyDescent="0.2">
      <c r="A187" s="5">
        <v>186</v>
      </c>
      <c r="B187" s="6" t="s">
        <v>152</v>
      </c>
      <c r="C187" s="7" t="s">
        <v>489</v>
      </c>
      <c r="D187" s="7" t="s">
        <v>533</v>
      </c>
      <c r="E187" s="8" t="s">
        <v>534</v>
      </c>
      <c r="F187" s="9">
        <v>0</v>
      </c>
      <c r="G187" s="5" t="s">
        <v>16</v>
      </c>
      <c r="H187" s="7" t="s">
        <v>535</v>
      </c>
      <c r="I187" s="10">
        <v>8021005008036</v>
      </c>
      <c r="K187" s="12">
        <v>0</v>
      </c>
      <c r="L187" s="12">
        <v>0</v>
      </c>
    </row>
    <row r="188" spans="1:12" ht="21.75" customHeight="1" x14ac:dyDescent="0.2">
      <c r="A188" s="5">
        <v>187</v>
      </c>
      <c r="B188" s="6" t="s">
        <v>152</v>
      </c>
      <c r="C188" s="7" t="s">
        <v>489</v>
      </c>
      <c r="D188" s="7" t="s">
        <v>536</v>
      </c>
      <c r="E188" s="8" t="s">
        <v>537</v>
      </c>
      <c r="F188" s="9">
        <v>0</v>
      </c>
      <c r="G188" s="5" t="s">
        <v>16</v>
      </c>
      <c r="H188" s="7" t="s">
        <v>538</v>
      </c>
      <c r="I188" s="10">
        <v>6021005008038</v>
      </c>
      <c r="K188" s="12">
        <v>0</v>
      </c>
      <c r="L188" s="12">
        <v>0</v>
      </c>
    </row>
    <row r="189" spans="1:12" ht="21.75" customHeight="1" x14ac:dyDescent="0.2">
      <c r="A189" s="5">
        <v>188</v>
      </c>
      <c r="B189" s="6" t="s">
        <v>152</v>
      </c>
      <c r="C189" s="7" t="s">
        <v>489</v>
      </c>
      <c r="D189" s="7" t="s">
        <v>539</v>
      </c>
      <c r="E189" s="8" t="s">
        <v>540</v>
      </c>
      <c r="F189" s="9">
        <v>0</v>
      </c>
      <c r="G189" s="5" t="s">
        <v>16</v>
      </c>
      <c r="H189" s="7" t="s">
        <v>541</v>
      </c>
      <c r="I189" s="10">
        <v>7021005008037</v>
      </c>
      <c r="K189" s="12">
        <v>0</v>
      </c>
      <c r="L189" s="12">
        <v>0</v>
      </c>
    </row>
    <row r="190" spans="1:12" ht="21.75" customHeight="1" x14ac:dyDescent="0.2">
      <c r="A190" s="5">
        <v>189</v>
      </c>
      <c r="B190" s="6" t="s">
        <v>542</v>
      </c>
      <c r="C190" s="7" t="s">
        <v>543</v>
      </c>
      <c r="D190" s="7" t="s">
        <v>544</v>
      </c>
      <c r="E190" s="8" t="s">
        <v>545</v>
      </c>
      <c r="F190" s="9">
        <v>0</v>
      </c>
      <c r="G190" s="5" t="s">
        <v>16</v>
      </c>
      <c r="H190" s="7" t="s">
        <v>546</v>
      </c>
      <c r="I190" s="10">
        <v>3021005007983</v>
      </c>
      <c r="K190" s="12">
        <v>0</v>
      </c>
      <c r="L190" s="12">
        <v>0</v>
      </c>
    </row>
    <row r="191" spans="1:12" ht="21.75" customHeight="1" x14ac:dyDescent="0.2">
      <c r="A191" s="5">
        <v>190</v>
      </c>
      <c r="B191" s="6" t="s">
        <v>542</v>
      </c>
      <c r="C191" s="7" t="s">
        <v>543</v>
      </c>
      <c r="D191" s="7" t="s">
        <v>547</v>
      </c>
      <c r="E191" s="8" t="s">
        <v>548</v>
      </c>
      <c r="F191" s="9">
        <v>0</v>
      </c>
      <c r="G191" s="5" t="s">
        <v>16</v>
      </c>
      <c r="H191" s="7" t="s">
        <v>549</v>
      </c>
      <c r="I191" s="10">
        <v>2021005007992</v>
      </c>
      <c r="K191" s="12">
        <v>0</v>
      </c>
      <c r="L191" s="12">
        <v>0</v>
      </c>
    </row>
    <row r="192" spans="1:12" ht="21.75" customHeight="1" x14ac:dyDescent="0.2">
      <c r="A192" s="5">
        <v>191</v>
      </c>
      <c r="B192" s="6" t="s">
        <v>542</v>
      </c>
      <c r="C192" s="7" t="s">
        <v>543</v>
      </c>
      <c r="D192" s="7" t="s">
        <v>550</v>
      </c>
      <c r="E192" s="8" t="s">
        <v>551</v>
      </c>
      <c r="F192" s="9">
        <v>0</v>
      </c>
      <c r="G192" s="5" t="s">
        <v>16</v>
      </c>
      <c r="H192" s="7" t="s">
        <v>552</v>
      </c>
      <c r="I192" s="10">
        <v>7021005007988</v>
      </c>
      <c r="K192" s="12">
        <v>0</v>
      </c>
      <c r="L192" s="12">
        <v>0</v>
      </c>
    </row>
    <row r="193" spans="1:12" ht="21.75" customHeight="1" x14ac:dyDescent="0.2">
      <c r="A193" s="5">
        <v>192</v>
      </c>
      <c r="B193" s="6" t="s">
        <v>542</v>
      </c>
      <c r="C193" s="7" t="s">
        <v>543</v>
      </c>
      <c r="D193" s="7" t="s">
        <v>553</v>
      </c>
      <c r="E193" s="8" t="s">
        <v>554</v>
      </c>
      <c r="F193" s="9">
        <v>0</v>
      </c>
      <c r="G193" s="5" t="s">
        <v>16</v>
      </c>
      <c r="H193" s="7" t="s">
        <v>555</v>
      </c>
      <c r="I193" s="10">
        <v>4021005007990</v>
      </c>
      <c r="K193" s="12">
        <v>0</v>
      </c>
      <c r="L193" s="12">
        <v>0</v>
      </c>
    </row>
    <row r="194" spans="1:12" ht="21.75" customHeight="1" x14ac:dyDescent="0.2">
      <c r="A194" s="5">
        <v>193</v>
      </c>
      <c r="B194" s="6" t="s">
        <v>542</v>
      </c>
      <c r="C194" s="7" t="s">
        <v>543</v>
      </c>
      <c r="D194" s="7" t="s">
        <v>556</v>
      </c>
      <c r="E194" s="8" t="s">
        <v>557</v>
      </c>
      <c r="F194" s="9" t="s">
        <v>163</v>
      </c>
      <c r="G194" s="5" t="s">
        <v>16</v>
      </c>
      <c r="H194" s="7" t="s">
        <v>558</v>
      </c>
      <c r="I194" s="10">
        <v>1021005007993</v>
      </c>
      <c r="K194" s="12">
        <v>0</v>
      </c>
      <c r="L194" s="12">
        <v>0</v>
      </c>
    </row>
    <row r="195" spans="1:12" ht="21.75" customHeight="1" x14ac:dyDescent="0.2">
      <c r="A195" s="5">
        <v>194</v>
      </c>
      <c r="B195" s="6" t="s">
        <v>542</v>
      </c>
      <c r="C195" s="7" t="s">
        <v>543</v>
      </c>
      <c r="D195" s="7" t="s">
        <v>559</v>
      </c>
      <c r="E195" s="8" t="s">
        <v>560</v>
      </c>
      <c r="F195" s="9">
        <v>0</v>
      </c>
      <c r="G195" s="5" t="s">
        <v>16</v>
      </c>
      <c r="H195" s="7" t="s">
        <v>561</v>
      </c>
      <c r="I195" s="10">
        <v>5021005007981</v>
      </c>
      <c r="K195" s="12">
        <v>0</v>
      </c>
      <c r="L195" s="12">
        <v>0</v>
      </c>
    </row>
    <row r="196" spans="1:12" ht="21.75" customHeight="1" x14ac:dyDescent="0.2">
      <c r="A196" s="5">
        <v>195</v>
      </c>
      <c r="B196" s="6" t="s">
        <v>542</v>
      </c>
      <c r="C196" s="7" t="s">
        <v>543</v>
      </c>
      <c r="D196" s="7" t="s">
        <v>562</v>
      </c>
      <c r="E196" s="8" t="s">
        <v>563</v>
      </c>
      <c r="F196" s="9">
        <v>0</v>
      </c>
      <c r="G196" s="5" t="s">
        <v>16</v>
      </c>
      <c r="H196" s="7" t="s">
        <v>564</v>
      </c>
      <c r="I196" s="10">
        <v>6021005007989</v>
      </c>
      <c r="K196" s="12">
        <v>0</v>
      </c>
      <c r="L196" s="12">
        <v>0</v>
      </c>
    </row>
    <row r="197" spans="1:12" ht="21.75" customHeight="1" x14ac:dyDescent="0.2">
      <c r="A197" s="5">
        <v>196</v>
      </c>
      <c r="B197" s="6" t="s">
        <v>542</v>
      </c>
      <c r="C197" s="7" t="s">
        <v>565</v>
      </c>
      <c r="D197" s="7" t="s">
        <v>566</v>
      </c>
      <c r="E197" s="8" t="s">
        <v>567</v>
      </c>
      <c r="F197" s="9">
        <v>0</v>
      </c>
      <c r="G197" s="5" t="s">
        <v>16</v>
      </c>
      <c r="H197" s="7" t="s">
        <v>568</v>
      </c>
      <c r="I197" s="10">
        <v>2021005007984</v>
      </c>
      <c r="K197" s="12">
        <v>0</v>
      </c>
      <c r="L197" s="12">
        <v>0</v>
      </c>
    </row>
    <row r="198" spans="1:12" ht="21.75" customHeight="1" x14ac:dyDescent="0.2">
      <c r="A198" s="5">
        <v>197</v>
      </c>
      <c r="B198" s="6" t="s">
        <v>542</v>
      </c>
      <c r="C198" s="7" t="s">
        <v>569</v>
      </c>
      <c r="D198" s="7" t="s">
        <v>570</v>
      </c>
      <c r="E198" s="8" t="s">
        <v>571</v>
      </c>
      <c r="F198" s="9">
        <v>0</v>
      </c>
      <c r="G198" s="5" t="s">
        <v>16</v>
      </c>
      <c r="H198" s="7" t="s">
        <v>572</v>
      </c>
      <c r="I198" s="10">
        <v>5021005007858</v>
      </c>
      <c r="K198" s="12">
        <v>0</v>
      </c>
      <c r="L198" s="12">
        <v>0</v>
      </c>
    </row>
    <row r="199" spans="1:12" ht="21.75" customHeight="1" x14ac:dyDescent="0.2">
      <c r="A199" s="5">
        <v>198</v>
      </c>
      <c r="B199" s="6" t="s">
        <v>542</v>
      </c>
      <c r="C199" s="7" t="s">
        <v>573</v>
      </c>
      <c r="D199" s="7" t="s">
        <v>574</v>
      </c>
      <c r="E199" s="8" t="s">
        <v>575</v>
      </c>
      <c r="F199" s="9">
        <v>0</v>
      </c>
      <c r="G199" s="5" t="s">
        <v>16</v>
      </c>
      <c r="H199" s="7" t="s">
        <v>576</v>
      </c>
      <c r="I199" s="10">
        <v>5021005008063</v>
      </c>
      <c r="K199" s="12">
        <v>0</v>
      </c>
      <c r="L199" s="12">
        <v>0</v>
      </c>
    </row>
    <row r="200" spans="1:12" ht="21.75" customHeight="1" x14ac:dyDescent="0.2">
      <c r="A200" s="5">
        <v>199</v>
      </c>
      <c r="B200" s="6" t="s">
        <v>542</v>
      </c>
      <c r="C200" s="7" t="s">
        <v>577</v>
      </c>
      <c r="D200" s="7" t="s">
        <v>578</v>
      </c>
      <c r="E200" s="8" t="s">
        <v>579</v>
      </c>
      <c r="F200" s="9">
        <v>0</v>
      </c>
      <c r="G200" s="5" t="s">
        <v>16</v>
      </c>
      <c r="H200" s="7" t="s">
        <v>580</v>
      </c>
      <c r="I200" s="10">
        <v>3020005000742</v>
      </c>
      <c r="K200" s="12">
        <v>0</v>
      </c>
      <c r="L200" s="12">
        <v>0</v>
      </c>
    </row>
    <row r="201" spans="1:12" ht="21.75" customHeight="1" x14ac:dyDescent="0.2">
      <c r="A201" s="5">
        <v>200</v>
      </c>
      <c r="B201" s="6" t="s">
        <v>542</v>
      </c>
      <c r="C201" s="7" t="s">
        <v>581</v>
      </c>
      <c r="D201" s="7" t="s">
        <v>582</v>
      </c>
      <c r="E201" s="8" t="s">
        <v>583</v>
      </c>
      <c r="F201" s="9">
        <v>0</v>
      </c>
      <c r="G201" s="5" t="s">
        <v>16</v>
      </c>
      <c r="H201" s="7" t="s">
        <v>584</v>
      </c>
      <c r="I201" s="10">
        <v>1021005007936</v>
      </c>
      <c r="K201" s="12">
        <v>0</v>
      </c>
      <c r="L201" s="12">
        <v>0</v>
      </c>
    </row>
    <row r="202" spans="1:12" ht="21.75" customHeight="1" x14ac:dyDescent="0.2">
      <c r="A202" s="5">
        <v>201</v>
      </c>
      <c r="B202" s="6" t="s">
        <v>542</v>
      </c>
      <c r="C202" s="7" t="s">
        <v>581</v>
      </c>
      <c r="D202" s="7" t="s">
        <v>585</v>
      </c>
      <c r="E202" s="8" t="s">
        <v>586</v>
      </c>
      <c r="F202" s="9">
        <v>0</v>
      </c>
      <c r="G202" s="5" t="s">
        <v>16</v>
      </c>
      <c r="H202" s="7" t="s">
        <v>587</v>
      </c>
      <c r="I202" s="10">
        <v>8021005007995</v>
      </c>
      <c r="K202" s="12">
        <v>0</v>
      </c>
      <c r="L202" s="12">
        <v>0</v>
      </c>
    </row>
    <row r="203" spans="1:12" ht="21.75" customHeight="1" x14ac:dyDescent="0.2">
      <c r="A203" s="5">
        <v>202</v>
      </c>
      <c r="B203" s="6" t="s">
        <v>542</v>
      </c>
      <c r="C203" s="7" t="s">
        <v>581</v>
      </c>
      <c r="D203" s="7" t="s">
        <v>588</v>
      </c>
      <c r="E203" s="8" t="s">
        <v>589</v>
      </c>
      <c r="F203" s="9">
        <v>0</v>
      </c>
      <c r="G203" s="5" t="s">
        <v>16</v>
      </c>
      <c r="H203" s="7" t="s">
        <v>590</v>
      </c>
      <c r="I203" s="10">
        <v>3021005007991</v>
      </c>
      <c r="K203" s="12">
        <v>0</v>
      </c>
      <c r="L203" s="12">
        <v>0</v>
      </c>
    </row>
    <row r="204" spans="1:12" ht="21.75" customHeight="1" x14ac:dyDescent="0.2">
      <c r="A204" s="5">
        <v>203</v>
      </c>
      <c r="B204" s="6" t="s">
        <v>542</v>
      </c>
      <c r="C204" s="7" t="s">
        <v>591</v>
      </c>
      <c r="D204" s="7" t="s">
        <v>592</v>
      </c>
      <c r="E204" s="8" t="s">
        <v>593</v>
      </c>
      <c r="F204" s="9">
        <v>0</v>
      </c>
      <c r="G204" s="5" t="s">
        <v>16</v>
      </c>
      <c r="H204" s="7" t="s">
        <v>594</v>
      </c>
      <c r="I204" s="10">
        <v>1021005009296</v>
      </c>
      <c r="K204" s="12">
        <v>0</v>
      </c>
      <c r="L204" s="12">
        <v>0</v>
      </c>
    </row>
    <row r="205" spans="1:12" ht="21.75" customHeight="1" x14ac:dyDescent="0.2">
      <c r="A205" s="5">
        <v>204</v>
      </c>
      <c r="B205" s="6" t="s">
        <v>542</v>
      </c>
      <c r="C205" s="7" t="s">
        <v>591</v>
      </c>
      <c r="D205" s="7" t="s">
        <v>595</v>
      </c>
      <c r="E205" s="8" t="s">
        <v>596</v>
      </c>
      <c r="F205" s="9">
        <v>0</v>
      </c>
      <c r="G205" s="5" t="s">
        <v>16</v>
      </c>
      <c r="H205" s="7" t="s">
        <v>597</v>
      </c>
      <c r="I205" s="10">
        <v>9021005012648</v>
      </c>
      <c r="K205" s="12">
        <v>0</v>
      </c>
      <c r="L205" s="12">
        <v>0</v>
      </c>
    </row>
    <row r="206" spans="1:12" ht="21.75" customHeight="1" x14ac:dyDescent="0.2">
      <c r="A206" s="5">
        <v>205</v>
      </c>
      <c r="B206" s="6" t="s">
        <v>598</v>
      </c>
      <c r="C206" s="7" t="s">
        <v>599</v>
      </c>
      <c r="D206" s="7" t="s">
        <v>600</v>
      </c>
      <c r="E206" s="8" t="s">
        <v>601</v>
      </c>
      <c r="F206" s="9">
        <v>0</v>
      </c>
      <c r="G206" s="5" t="s">
        <v>16</v>
      </c>
      <c r="H206" s="7" t="s">
        <v>602</v>
      </c>
      <c r="I206" s="10">
        <v>6021005008070</v>
      </c>
      <c r="K206" s="12">
        <v>0</v>
      </c>
      <c r="L206" s="12">
        <v>0</v>
      </c>
    </row>
    <row r="207" spans="1:12" ht="21.75" customHeight="1" x14ac:dyDescent="0.2">
      <c r="A207" s="5">
        <v>206</v>
      </c>
      <c r="B207" s="6" t="s">
        <v>598</v>
      </c>
      <c r="C207" s="7" t="s">
        <v>599</v>
      </c>
      <c r="D207" s="7" t="s">
        <v>603</v>
      </c>
      <c r="E207" s="8" t="s">
        <v>604</v>
      </c>
      <c r="F207" s="9">
        <v>0</v>
      </c>
      <c r="G207" s="5" t="s">
        <v>16</v>
      </c>
      <c r="H207" s="7" t="s">
        <v>605</v>
      </c>
      <c r="I207" s="10">
        <v>4021005008072</v>
      </c>
      <c r="K207" s="12">
        <v>0</v>
      </c>
      <c r="L207" s="12">
        <v>0</v>
      </c>
    </row>
    <row r="208" spans="1:12" ht="21.75" customHeight="1" x14ac:dyDescent="0.2">
      <c r="A208" s="5">
        <v>207</v>
      </c>
      <c r="B208" s="6" t="s">
        <v>598</v>
      </c>
      <c r="C208" s="7" t="s">
        <v>599</v>
      </c>
      <c r="D208" s="7" t="s">
        <v>606</v>
      </c>
      <c r="E208" s="8" t="s">
        <v>607</v>
      </c>
      <c r="F208" s="9">
        <v>0</v>
      </c>
      <c r="G208" s="5" t="s">
        <v>16</v>
      </c>
      <c r="H208" s="7" t="s">
        <v>608</v>
      </c>
      <c r="I208" s="10">
        <v>3021005008073</v>
      </c>
      <c r="K208" s="12">
        <v>0</v>
      </c>
      <c r="L208" s="12">
        <v>0</v>
      </c>
    </row>
    <row r="209" spans="1:12" ht="21.75" customHeight="1" x14ac:dyDescent="0.2">
      <c r="A209" s="5">
        <v>208</v>
      </c>
      <c r="B209" s="6" t="s">
        <v>598</v>
      </c>
      <c r="C209" s="7" t="s">
        <v>599</v>
      </c>
      <c r="D209" s="7" t="s">
        <v>609</v>
      </c>
      <c r="E209" s="8" t="s">
        <v>610</v>
      </c>
      <c r="F209" s="9">
        <v>0</v>
      </c>
      <c r="G209" s="5" t="s">
        <v>16</v>
      </c>
      <c r="H209" s="7" t="s">
        <v>611</v>
      </c>
      <c r="I209" s="10">
        <v>1021005008075</v>
      </c>
      <c r="K209" s="12">
        <v>0</v>
      </c>
      <c r="L209" s="12">
        <v>0</v>
      </c>
    </row>
    <row r="210" spans="1:12" ht="21.75" customHeight="1" x14ac:dyDescent="0.2">
      <c r="A210" s="5">
        <v>209</v>
      </c>
      <c r="B210" s="6" t="s">
        <v>598</v>
      </c>
      <c r="C210" s="7" t="s">
        <v>599</v>
      </c>
      <c r="D210" s="7" t="s">
        <v>612</v>
      </c>
      <c r="E210" s="8" t="s">
        <v>613</v>
      </c>
      <c r="F210" s="9">
        <v>0</v>
      </c>
      <c r="G210" s="5" t="s">
        <v>16</v>
      </c>
      <c r="H210" s="7" t="s">
        <v>614</v>
      </c>
      <c r="I210" s="10">
        <v>8021005008077</v>
      </c>
      <c r="K210" s="12">
        <v>0</v>
      </c>
      <c r="L210" s="12">
        <v>0</v>
      </c>
    </row>
    <row r="211" spans="1:12" ht="21.75" customHeight="1" x14ac:dyDescent="0.2">
      <c r="A211" s="5">
        <v>210</v>
      </c>
      <c r="B211" s="6" t="s">
        <v>598</v>
      </c>
      <c r="C211" s="7" t="s">
        <v>599</v>
      </c>
      <c r="D211" s="7" t="s">
        <v>615</v>
      </c>
      <c r="E211" s="8" t="s">
        <v>616</v>
      </c>
      <c r="F211" s="9">
        <v>0</v>
      </c>
      <c r="G211" s="5" t="s">
        <v>16</v>
      </c>
      <c r="H211" s="7" t="s">
        <v>617</v>
      </c>
      <c r="I211" s="10">
        <v>4021005008080</v>
      </c>
      <c r="K211" s="12">
        <v>0</v>
      </c>
      <c r="L211" s="12">
        <v>0</v>
      </c>
    </row>
    <row r="212" spans="1:12" ht="21.75" customHeight="1" x14ac:dyDescent="0.2">
      <c r="A212" s="5">
        <v>211</v>
      </c>
      <c r="B212" s="6" t="s">
        <v>598</v>
      </c>
      <c r="C212" s="7" t="s">
        <v>599</v>
      </c>
      <c r="D212" s="7" t="s">
        <v>618</v>
      </c>
      <c r="E212" s="8" t="s">
        <v>619</v>
      </c>
      <c r="F212" s="9">
        <v>0</v>
      </c>
      <c r="G212" s="5" t="s">
        <v>16</v>
      </c>
      <c r="H212" s="7" t="s">
        <v>620</v>
      </c>
      <c r="I212" s="10">
        <v>1021005008083</v>
      </c>
      <c r="K212" s="12">
        <v>0</v>
      </c>
      <c r="L212" s="12">
        <v>0</v>
      </c>
    </row>
    <row r="213" spans="1:12" ht="21.75" customHeight="1" x14ac:dyDescent="0.2">
      <c r="A213" s="5">
        <v>212</v>
      </c>
      <c r="B213" s="6" t="s">
        <v>598</v>
      </c>
      <c r="C213" s="7" t="s">
        <v>599</v>
      </c>
      <c r="D213" s="7" t="s">
        <v>621</v>
      </c>
      <c r="E213" s="8" t="s">
        <v>622</v>
      </c>
      <c r="F213" s="9">
        <v>0</v>
      </c>
      <c r="G213" s="5" t="s">
        <v>16</v>
      </c>
      <c r="H213" s="7" t="s">
        <v>623</v>
      </c>
      <c r="I213" s="10">
        <v>8021005008085</v>
      </c>
      <c r="K213" s="12">
        <v>0</v>
      </c>
      <c r="L213" s="12">
        <v>0</v>
      </c>
    </row>
    <row r="214" spans="1:12" ht="21.75" customHeight="1" x14ac:dyDescent="0.2">
      <c r="A214" s="5">
        <v>213</v>
      </c>
      <c r="B214" s="6" t="s">
        <v>598</v>
      </c>
      <c r="C214" s="7" t="s">
        <v>599</v>
      </c>
      <c r="D214" s="7" t="s">
        <v>624</v>
      </c>
      <c r="E214" s="8" t="s">
        <v>625</v>
      </c>
      <c r="F214" s="9">
        <v>0</v>
      </c>
      <c r="G214" s="5" t="s">
        <v>16</v>
      </c>
      <c r="H214" s="7" t="s">
        <v>626</v>
      </c>
      <c r="I214" s="10">
        <v>6021005008087</v>
      </c>
      <c r="K214" s="12">
        <v>0</v>
      </c>
      <c r="L214" s="12">
        <v>0</v>
      </c>
    </row>
    <row r="215" spans="1:12" ht="21.75" customHeight="1" x14ac:dyDescent="0.2">
      <c r="A215" s="5">
        <v>214</v>
      </c>
      <c r="B215" s="6" t="s">
        <v>598</v>
      </c>
      <c r="C215" s="7" t="s">
        <v>599</v>
      </c>
      <c r="D215" s="7" t="s">
        <v>627</v>
      </c>
      <c r="E215" s="8" t="s">
        <v>628</v>
      </c>
      <c r="F215" s="9">
        <v>0</v>
      </c>
      <c r="G215" s="5" t="s">
        <v>16</v>
      </c>
      <c r="H215" s="7" t="s">
        <v>629</v>
      </c>
      <c r="I215" s="10">
        <v>4021005008089</v>
      </c>
      <c r="K215" s="12">
        <v>0</v>
      </c>
      <c r="L215" s="12">
        <v>0</v>
      </c>
    </row>
    <row r="216" spans="1:12" ht="21.75" customHeight="1" x14ac:dyDescent="0.2">
      <c r="A216" s="5">
        <v>215</v>
      </c>
      <c r="B216" s="6" t="s">
        <v>598</v>
      </c>
      <c r="C216" s="7" t="s">
        <v>599</v>
      </c>
      <c r="D216" s="7" t="s">
        <v>630</v>
      </c>
      <c r="E216" s="8" t="s">
        <v>631</v>
      </c>
      <c r="F216" s="9">
        <v>0</v>
      </c>
      <c r="G216" s="5" t="s">
        <v>16</v>
      </c>
      <c r="H216" s="7" t="s">
        <v>632</v>
      </c>
      <c r="I216" s="10">
        <v>2021005008090</v>
      </c>
      <c r="K216" s="12">
        <v>0</v>
      </c>
      <c r="L216" s="12">
        <v>0</v>
      </c>
    </row>
    <row r="217" spans="1:12" ht="21.75" customHeight="1" x14ac:dyDescent="0.2">
      <c r="A217" s="5">
        <v>216</v>
      </c>
      <c r="B217" s="6" t="s">
        <v>598</v>
      </c>
      <c r="C217" s="7" t="s">
        <v>599</v>
      </c>
      <c r="D217" s="7" t="s">
        <v>633</v>
      </c>
      <c r="E217" s="8" t="s">
        <v>634</v>
      </c>
      <c r="F217" s="9">
        <v>0</v>
      </c>
      <c r="G217" s="5" t="s">
        <v>16</v>
      </c>
      <c r="H217" s="7" t="s">
        <v>635</v>
      </c>
      <c r="I217" s="10">
        <v>1021005008315</v>
      </c>
      <c r="K217" s="12">
        <v>0</v>
      </c>
      <c r="L217" s="12">
        <v>0</v>
      </c>
    </row>
    <row r="218" spans="1:12" ht="21.75" customHeight="1" x14ac:dyDescent="0.2">
      <c r="A218" s="5">
        <v>217</v>
      </c>
      <c r="B218" s="6" t="s">
        <v>598</v>
      </c>
      <c r="C218" s="7" t="s">
        <v>599</v>
      </c>
      <c r="D218" s="7" t="s">
        <v>636</v>
      </c>
      <c r="E218" s="8" t="s">
        <v>637</v>
      </c>
      <c r="F218" s="9">
        <v>0</v>
      </c>
      <c r="G218" s="5" t="s">
        <v>16</v>
      </c>
      <c r="H218" s="7" t="s">
        <v>638</v>
      </c>
      <c r="I218" s="10">
        <v>8021005008093</v>
      </c>
      <c r="K218" s="12">
        <v>0</v>
      </c>
      <c r="L218" s="12">
        <v>0</v>
      </c>
    </row>
    <row r="219" spans="1:12" ht="21.75" customHeight="1" x14ac:dyDescent="0.2">
      <c r="A219" s="5">
        <v>218</v>
      </c>
      <c r="B219" s="6" t="s">
        <v>598</v>
      </c>
      <c r="C219" s="7" t="s">
        <v>599</v>
      </c>
      <c r="D219" s="7" t="s">
        <v>639</v>
      </c>
      <c r="E219" s="8" t="s">
        <v>640</v>
      </c>
      <c r="F219" s="9">
        <v>0</v>
      </c>
      <c r="G219" s="5" t="s">
        <v>16</v>
      </c>
      <c r="H219" s="7" t="s">
        <v>641</v>
      </c>
      <c r="I219" s="10">
        <v>1021005008100</v>
      </c>
      <c r="K219" s="12">
        <v>0</v>
      </c>
      <c r="L219" s="12">
        <v>0</v>
      </c>
    </row>
    <row r="220" spans="1:12" ht="21.75" customHeight="1" x14ac:dyDescent="0.2">
      <c r="A220" s="5">
        <v>219</v>
      </c>
      <c r="B220" s="6" t="s">
        <v>598</v>
      </c>
      <c r="C220" s="7" t="s">
        <v>599</v>
      </c>
      <c r="D220" s="7" t="s">
        <v>642</v>
      </c>
      <c r="E220" s="8" t="s">
        <v>643</v>
      </c>
      <c r="F220" s="9">
        <v>0</v>
      </c>
      <c r="G220" s="5" t="s">
        <v>16</v>
      </c>
      <c r="H220" s="7" t="s">
        <v>644</v>
      </c>
      <c r="I220" s="10">
        <v>6021005008095</v>
      </c>
      <c r="K220" s="12">
        <v>0</v>
      </c>
      <c r="L220" s="12">
        <v>0</v>
      </c>
    </row>
    <row r="221" spans="1:12" ht="21.75" customHeight="1" x14ac:dyDescent="0.2">
      <c r="A221" s="5">
        <v>220</v>
      </c>
      <c r="B221" s="6" t="s">
        <v>598</v>
      </c>
      <c r="C221" s="7" t="s">
        <v>599</v>
      </c>
      <c r="D221" s="7" t="s">
        <v>645</v>
      </c>
      <c r="E221" s="8" t="s">
        <v>646</v>
      </c>
      <c r="F221" s="9">
        <v>0</v>
      </c>
      <c r="G221" s="5" t="s">
        <v>16</v>
      </c>
      <c r="H221" s="7" t="s">
        <v>647</v>
      </c>
      <c r="I221" s="10">
        <v>8021005008102</v>
      </c>
      <c r="K221" s="12">
        <v>0</v>
      </c>
      <c r="L221" s="12">
        <v>0</v>
      </c>
    </row>
    <row r="222" spans="1:12" ht="21.75" customHeight="1" x14ac:dyDescent="0.2">
      <c r="A222" s="5">
        <v>221</v>
      </c>
      <c r="B222" s="6" t="s">
        <v>598</v>
      </c>
      <c r="C222" s="7" t="s">
        <v>599</v>
      </c>
      <c r="D222" s="7" t="s">
        <v>648</v>
      </c>
      <c r="E222" s="8" t="s">
        <v>649</v>
      </c>
      <c r="F222" s="9">
        <v>0</v>
      </c>
      <c r="G222" s="5" t="s">
        <v>16</v>
      </c>
      <c r="H222" s="7" t="s">
        <v>650</v>
      </c>
      <c r="I222" s="10">
        <v>7021005008094</v>
      </c>
      <c r="K222" s="12">
        <v>0</v>
      </c>
      <c r="L222" s="12">
        <v>0</v>
      </c>
    </row>
    <row r="223" spans="1:12" ht="21.75" customHeight="1" x14ac:dyDescent="0.2">
      <c r="A223" s="5">
        <v>222</v>
      </c>
      <c r="B223" s="6" t="s">
        <v>598</v>
      </c>
      <c r="C223" s="7" t="s">
        <v>599</v>
      </c>
      <c r="D223" s="7" t="s">
        <v>651</v>
      </c>
      <c r="E223" s="8" t="s">
        <v>652</v>
      </c>
      <c r="F223" s="9">
        <v>0</v>
      </c>
      <c r="G223" s="5" t="s">
        <v>16</v>
      </c>
      <c r="H223" s="7" t="s">
        <v>653</v>
      </c>
      <c r="I223" s="10">
        <v>5021005008105</v>
      </c>
      <c r="K223" s="12">
        <v>0</v>
      </c>
      <c r="L223" s="12">
        <v>0</v>
      </c>
    </row>
    <row r="224" spans="1:12" ht="21.75" customHeight="1" x14ac:dyDescent="0.2">
      <c r="A224" s="5">
        <v>223</v>
      </c>
      <c r="B224" s="6" t="s">
        <v>598</v>
      </c>
      <c r="C224" s="7" t="s">
        <v>599</v>
      </c>
      <c r="D224" s="7" t="s">
        <v>654</v>
      </c>
      <c r="E224" s="8" t="s">
        <v>655</v>
      </c>
      <c r="F224" s="9">
        <v>0</v>
      </c>
      <c r="G224" s="5" t="s">
        <v>16</v>
      </c>
      <c r="H224" s="7" t="s">
        <v>656</v>
      </c>
      <c r="I224" s="10">
        <v>6021005008104</v>
      </c>
      <c r="K224" s="12">
        <v>0</v>
      </c>
      <c r="L224" s="12">
        <v>0</v>
      </c>
    </row>
    <row r="225" spans="1:12" ht="21.75" customHeight="1" x14ac:dyDescent="0.2">
      <c r="A225" s="5">
        <v>224</v>
      </c>
      <c r="B225" s="6" t="s">
        <v>598</v>
      </c>
      <c r="C225" s="7" t="s">
        <v>599</v>
      </c>
      <c r="D225" s="7" t="s">
        <v>657</v>
      </c>
      <c r="E225" s="8" t="s">
        <v>658</v>
      </c>
      <c r="F225" s="9">
        <v>0</v>
      </c>
      <c r="G225" s="5" t="s">
        <v>16</v>
      </c>
      <c r="H225" s="7" t="s">
        <v>659</v>
      </c>
      <c r="I225" s="10">
        <v>5021005008096</v>
      </c>
      <c r="K225" s="12">
        <v>0</v>
      </c>
      <c r="L225" s="12">
        <v>0</v>
      </c>
    </row>
    <row r="226" spans="1:12" ht="21.75" customHeight="1" x14ac:dyDescent="0.2">
      <c r="A226" s="5">
        <v>225</v>
      </c>
      <c r="B226" s="6" t="s">
        <v>598</v>
      </c>
      <c r="C226" s="7" t="s">
        <v>599</v>
      </c>
      <c r="D226" s="7" t="s">
        <v>660</v>
      </c>
      <c r="E226" s="8" t="s">
        <v>661</v>
      </c>
      <c r="F226" s="9">
        <v>0</v>
      </c>
      <c r="G226" s="5" t="s">
        <v>16</v>
      </c>
      <c r="H226" s="7" t="s">
        <v>662</v>
      </c>
      <c r="I226" s="10">
        <v>5021005008088</v>
      </c>
      <c r="K226" s="12">
        <v>0</v>
      </c>
      <c r="L226" s="12">
        <v>0</v>
      </c>
    </row>
    <row r="227" spans="1:12" ht="21.75" customHeight="1" x14ac:dyDescent="0.2">
      <c r="A227" s="5">
        <v>226</v>
      </c>
      <c r="B227" s="6" t="s">
        <v>598</v>
      </c>
      <c r="C227" s="7" t="s">
        <v>599</v>
      </c>
      <c r="D227" s="7" t="s">
        <v>663</v>
      </c>
      <c r="E227" s="8" t="s">
        <v>664</v>
      </c>
      <c r="F227" s="9">
        <v>0</v>
      </c>
      <c r="G227" s="5" t="s">
        <v>16</v>
      </c>
      <c r="H227" s="7" t="s">
        <v>665</v>
      </c>
      <c r="I227" s="10">
        <v>3021005008098</v>
      </c>
      <c r="K227" s="12">
        <v>0</v>
      </c>
      <c r="L227" s="12">
        <v>0</v>
      </c>
    </row>
    <row r="228" spans="1:12" ht="21.75" customHeight="1" x14ac:dyDescent="0.2">
      <c r="A228" s="5">
        <v>227</v>
      </c>
      <c r="B228" s="6" t="s">
        <v>598</v>
      </c>
      <c r="C228" s="7" t="s">
        <v>599</v>
      </c>
      <c r="D228" s="7" t="s">
        <v>666</v>
      </c>
      <c r="E228" s="8" t="s">
        <v>667</v>
      </c>
      <c r="F228" s="9">
        <v>0</v>
      </c>
      <c r="G228" s="5" t="s">
        <v>16</v>
      </c>
      <c r="H228" s="7" t="s">
        <v>668</v>
      </c>
      <c r="I228" s="10">
        <v>2021005008099</v>
      </c>
      <c r="K228" s="12">
        <v>0</v>
      </c>
      <c r="L228" s="12">
        <v>0</v>
      </c>
    </row>
    <row r="229" spans="1:12" ht="21.75" customHeight="1" x14ac:dyDescent="0.2">
      <c r="A229" s="5">
        <v>228</v>
      </c>
      <c r="B229" s="6" t="s">
        <v>598</v>
      </c>
      <c r="C229" s="7" t="s">
        <v>599</v>
      </c>
      <c r="D229" s="7" t="s">
        <v>669</v>
      </c>
      <c r="E229" s="8" t="s">
        <v>670</v>
      </c>
      <c r="F229" s="9">
        <v>0</v>
      </c>
      <c r="G229" s="5" t="s">
        <v>16</v>
      </c>
      <c r="H229" s="7" t="s">
        <v>671</v>
      </c>
      <c r="I229" s="10">
        <v>4021005008097</v>
      </c>
      <c r="K229" s="12">
        <v>0</v>
      </c>
      <c r="L229" s="12">
        <v>0</v>
      </c>
    </row>
    <row r="230" spans="1:12" ht="21.75" customHeight="1" x14ac:dyDescent="0.2">
      <c r="A230" s="5">
        <v>229</v>
      </c>
      <c r="B230" s="6" t="s">
        <v>598</v>
      </c>
      <c r="C230" s="7" t="s">
        <v>599</v>
      </c>
      <c r="D230" s="7" t="s">
        <v>672</v>
      </c>
      <c r="E230" s="8" t="s">
        <v>673</v>
      </c>
      <c r="F230" s="9">
        <v>0</v>
      </c>
      <c r="G230" s="5" t="s">
        <v>16</v>
      </c>
      <c r="H230" s="7" t="s">
        <v>674</v>
      </c>
      <c r="I230" s="10">
        <v>9021005008076</v>
      </c>
      <c r="K230" s="12">
        <v>0</v>
      </c>
      <c r="L230" s="12">
        <v>0</v>
      </c>
    </row>
    <row r="231" spans="1:12" ht="21.75" customHeight="1" x14ac:dyDescent="0.2">
      <c r="A231" s="5">
        <v>230</v>
      </c>
      <c r="B231" s="6" t="s">
        <v>598</v>
      </c>
      <c r="C231" s="7" t="s">
        <v>599</v>
      </c>
      <c r="D231" s="7" t="s">
        <v>675</v>
      </c>
      <c r="E231" s="8" t="s">
        <v>676</v>
      </c>
      <c r="F231" s="9">
        <v>0</v>
      </c>
      <c r="G231" s="5" t="s">
        <v>16</v>
      </c>
      <c r="H231" s="7" t="s">
        <v>677</v>
      </c>
      <c r="I231" s="10">
        <v>9021005008101</v>
      </c>
      <c r="K231" s="12">
        <v>0</v>
      </c>
      <c r="L231" s="12">
        <v>0</v>
      </c>
    </row>
    <row r="232" spans="1:12" ht="21.75" customHeight="1" x14ac:dyDescent="0.2">
      <c r="A232" s="5">
        <v>231</v>
      </c>
      <c r="B232" s="6" t="s">
        <v>598</v>
      </c>
      <c r="C232" s="7" t="s">
        <v>599</v>
      </c>
      <c r="D232" s="7" t="s">
        <v>678</v>
      </c>
      <c r="E232" s="8" t="s">
        <v>679</v>
      </c>
      <c r="F232" s="9">
        <v>0</v>
      </c>
      <c r="G232" s="5" t="s">
        <v>16</v>
      </c>
      <c r="H232" s="7" t="s">
        <v>680</v>
      </c>
      <c r="I232" s="10">
        <v>2021005008108</v>
      </c>
      <c r="K232" s="12">
        <v>0</v>
      </c>
      <c r="L232" s="12">
        <v>0</v>
      </c>
    </row>
    <row r="233" spans="1:12" ht="21.75" customHeight="1" x14ac:dyDescent="0.2">
      <c r="A233" s="5">
        <v>232</v>
      </c>
      <c r="B233" s="6" t="s">
        <v>598</v>
      </c>
      <c r="C233" s="7" t="s">
        <v>599</v>
      </c>
      <c r="D233" s="7" t="s">
        <v>681</v>
      </c>
      <c r="E233" s="8" t="s">
        <v>682</v>
      </c>
      <c r="F233" s="9">
        <v>0</v>
      </c>
      <c r="G233" s="5" t="s">
        <v>16</v>
      </c>
      <c r="H233" s="7" t="s">
        <v>683</v>
      </c>
      <c r="I233" s="10">
        <v>1021005008109</v>
      </c>
      <c r="K233" s="12">
        <v>0</v>
      </c>
      <c r="L233" s="12">
        <v>0</v>
      </c>
    </row>
    <row r="234" spans="1:12" ht="21.75" customHeight="1" x14ac:dyDescent="0.2">
      <c r="A234" s="5">
        <v>233</v>
      </c>
      <c r="B234" s="6" t="s">
        <v>598</v>
      </c>
      <c r="C234" s="7" t="s">
        <v>599</v>
      </c>
      <c r="D234" s="7" t="s">
        <v>684</v>
      </c>
      <c r="E234" s="8" t="s">
        <v>685</v>
      </c>
      <c r="F234" s="9">
        <v>0</v>
      </c>
      <c r="G234" s="5" t="s">
        <v>16</v>
      </c>
      <c r="H234" s="7" t="s">
        <v>686</v>
      </c>
      <c r="I234" s="10">
        <v>8021005008110</v>
      </c>
      <c r="K234" s="12">
        <v>0</v>
      </c>
      <c r="L234" s="12">
        <v>0</v>
      </c>
    </row>
    <row r="235" spans="1:12" ht="21.75" customHeight="1" x14ac:dyDescent="0.2">
      <c r="A235" s="5">
        <v>234</v>
      </c>
      <c r="B235" s="6" t="s">
        <v>598</v>
      </c>
      <c r="C235" s="7" t="s">
        <v>599</v>
      </c>
      <c r="D235" s="7" t="s">
        <v>687</v>
      </c>
      <c r="E235" s="8" t="s">
        <v>688</v>
      </c>
      <c r="F235" s="9">
        <v>0</v>
      </c>
      <c r="G235" s="5" t="s">
        <v>16</v>
      </c>
      <c r="H235" s="7" t="s">
        <v>689</v>
      </c>
      <c r="I235" s="10">
        <v>7021005008111</v>
      </c>
      <c r="K235" s="12">
        <v>0</v>
      </c>
      <c r="L235" s="12">
        <v>0</v>
      </c>
    </row>
    <row r="236" spans="1:12" ht="21.75" customHeight="1" x14ac:dyDescent="0.2">
      <c r="A236" s="5">
        <v>235</v>
      </c>
      <c r="B236" s="6" t="s">
        <v>12</v>
      </c>
      <c r="C236" s="7" t="s">
        <v>13</v>
      </c>
      <c r="D236" s="7" t="s">
        <v>690</v>
      </c>
      <c r="E236" s="8" t="s">
        <v>691</v>
      </c>
      <c r="F236" s="9">
        <v>0</v>
      </c>
      <c r="G236" s="5" t="s">
        <v>692</v>
      </c>
      <c r="H236" s="7" t="s">
        <v>693</v>
      </c>
      <c r="I236" s="10">
        <v>7021005006899</v>
      </c>
      <c r="K236" s="12">
        <v>0</v>
      </c>
      <c r="L236" s="12">
        <v>0</v>
      </c>
    </row>
    <row r="237" spans="1:12" ht="21.75" customHeight="1" x14ac:dyDescent="0.2">
      <c r="A237" s="5">
        <v>236</v>
      </c>
      <c r="B237" s="6" t="s">
        <v>12</v>
      </c>
      <c r="C237" s="7" t="s">
        <v>13</v>
      </c>
      <c r="D237" s="7" t="s">
        <v>690</v>
      </c>
      <c r="E237" s="8" t="s">
        <v>694</v>
      </c>
      <c r="F237" s="9">
        <v>0</v>
      </c>
      <c r="G237" s="5" t="s">
        <v>692</v>
      </c>
      <c r="H237" s="7" t="s">
        <v>695</v>
      </c>
      <c r="I237" s="10">
        <v>8021005006898</v>
      </c>
      <c r="K237" s="12">
        <v>0</v>
      </c>
      <c r="L237" s="12">
        <v>0</v>
      </c>
    </row>
    <row r="238" spans="1:12" ht="21.75" customHeight="1" x14ac:dyDescent="0.2">
      <c r="A238" s="5">
        <v>237</v>
      </c>
      <c r="B238" s="6" t="s">
        <v>12</v>
      </c>
      <c r="C238" s="7" t="s">
        <v>13</v>
      </c>
      <c r="D238" s="7" t="s">
        <v>696</v>
      </c>
      <c r="E238" s="8" t="s">
        <v>697</v>
      </c>
      <c r="F238" s="9">
        <v>0</v>
      </c>
      <c r="G238" s="5" t="s">
        <v>692</v>
      </c>
      <c r="H238" s="7" t="s">
        <v>698</v>
      </c>
      <c r="I238" s="10">
        <v>5021005006901</v>
      </c>
      <c r="K238" s="12">
        <v>0</v>
      </c>
      <c r="L238" s="12">
        <v>0</v>
      </c>
    </row>
    <row r="239" spans="1:12" ht="21.75" customHeight="1" x14ac:dyDescent="0.2">
      <c r="A239" s="5">
        <v>238</v>
      </c>
      <c r="B239" s="6" t="s">
        <v>12</v>
      </c>
      <c r="C239" s="7" t="s">
        <v>13</v>
      </c>
      <c r="D239" s="7" t="s">
        <v>699</v>
      </c>
      <c r="E239" s="8" t="s">
        <v>700</v>
      </c>
      <c r="F239" s="9">
        <v>0</v>
      </c>
      <c r="G239" s="5" t="s">
        <v>692</v>
      </c>
      <c r="H239" s="7" t="s">
        <v>701</v>
      </c>
      <c r="I239" s="10">
        <v>4021005006902</v>
      </c>
      <c r="K239" s="12">
        <v>0</v>
      </c>
      <c r="L239" s="12">
        <v>0</v>
      </c>
    </row>
    <row r="240" spans="1:12" ht="21.75" customHeight="1" x14ac:dyDescent="0.2">
      <c r="A240" s="5">
        <v>239</v>
      </c>
      <c r="B240" s="6" t="s">
        <v>12</v>
      </c>
      <c r="C240" s="7" t="s">
        <v>13</v>
      </c>
      <c r="D240" s="7" t="s">
        <v>702</v>
      </c>
      <c r="E240" s="8" t="s">
        <v>703</v>
      </c>
      <c r="F240" s="9">
        <v>0</v>
      </c>
      <c r="G240" s="5" t="s">
        <v>692</v>
      </c>
      <c r="H240" s="7" t="s">
        <v>704</v>
      </c>
      <c r="I240" s="10">
        <v>1021005006913</v>
      </c>
      <c r="K240" s="12">
        <v>0</v>
      </c>
      <c r="L240" s="12">
        <v>0</v>
      </c>
    </row>
    <row r="241" spans="1:12" ht="21.75" customHeight="1" x14ac:dyDescent="0.2">
      <c r="A241" s="5">
        <v>240</v>
      </c>
      <c r="B241" s="6" t="s">
        <v>12</v>
      </c>
      <c r="C241" s="7" t="s">
        <v>13</v>
      </c>
      <c r="D241" s="7" t="s">
        <v>35</v>
      </c>
      <c r="E241" s="8" t="s">
        <v>694</v>
      </c>
      <c r="F241" s="9">
        <v>0</v>
      </c>
      <c r="G241" s="5" t="s">
        <v>692</v>
      </c>
      <c r="H241" s="7" t="s">
        <v>705</v>
      </c>
      <c r="I241" s="10">
        <v>2021005006920</v>
      </c>
      <c r="K241" s="12">
        <v>0</v>
      </c>
      <c r="L241" s="12">
        <v>0</v>
      </c>
    </row>
    <row r="242" spans="1:12" ht="21.75" customHeight="1" x14ac:dyDescent="0.2">
      <c r="A242" s="5">
        <v>241</v>
      </c>
      <c r="B242" s="6" t="s">
        <v>12</v>
      </c>
      <c r="C242" s="7" t="s">
        <v>13</v>
      </c>
      <c r="D242" s="7" t="s">
        <v>706</v>
      </c>
      <c r="E242" s="8" t="s">
        <v>691</v>
      </c>
      <c r="F242" s="9">
        <v>0</v>
      </c>
      <c r="G242" s="5" t="s">
        <v>692</v>
      </c>
      <c r="H242" s="7" t="s">
        <v>707</v>
      </c>
      <c r="I242" s="10">
        <v>9021005006922</v>
      </c>
      <c r="K242" s="12">
        <v>0</v>
      </c>
      <c r="L242" s="12">
        <v>0</v>
      </c>
    </row>
    <row r="243" spans="1:12" ht="21.75" customHeight="1" x14ac:dyDescent="0.2">
      <c r="A243" s="5">
        <v>242</v>
      </c>
      <c r="B243" s="6" t="s">
        <v>12</v>
      </c>
      <c r="C243" s="7" t="s">
        <v>13</v>
      </c>
      <c r="D243" s="7" t="s">
        <v>708</v>
      </c>
      <c r="E243" s="8" t="s">
        <v>709</v>
      </c>
      <c r="F243" s="9">
        <v>0</v>
      </c>
      <c r="G243" s="5" t="s">
        <v>692</v>
      </c>
      <c r="H243" s="7" t="s">
        <v>710</v>
      </c>
      <c r="I243" s="10">
        <v>2021005006929</v>
      </c>
      <c r="K243" s="12">
        <v>0</v>
      </c>
      <c r="L243" s="12">
        <v>0</v>
      </c>
    </row>
    <row r="244" spans="1:12" ht="21.75" customHeight="1" x14ac:dyDescent="0.2">
      <c r="A244" s="5">
        <v>243</v>
      </c>
      <c r="B244" s="6" t="s">
        <v>12</v>
      </c>
      <c r="C244" s="7" t="s">
        <v>13</v>
      </c>
      <c r="D244" s="7" t="s">
        <v>711</v>
      </c>
      <c r="E244" s="8" t="s">
        <v>712</v>
      </c>
      <c r="F244" s="9">
        <v>0</v>
      </c>
      <c r="G244" s="5" t="s">
        <v>692</v>
      </c>
      <c r="H244" s="7" t="s">
        <v>713</v>
      </c>
      <c r="I244" s="10">
        <v>4021005006927</v>
      </c>
      <c r="K244" s="12">
        <v>0</v>
      </c>
      <c r="L244" s="12">
        <v>0</v>
      </c>
    </row>
    <row r="245" spans="1:12" ht="21.75" customHeight="1" x14ac:dyDescent="0.2">
      <c r="A245" s="5">
        <v>244</v>
      </c>
      <c r="B245" s="6" t="s">
        <v>12</v>
      </c>
      <c r="C245" s="7" t="s">
        <v>13</v>
      </c>
      <c r="D245" s="7" t="s">
        <v>714</v>
      </c>
      <c r="E245" s="8" t="s">
        <v>691</v>
      </c>
      <c r="F245" s="9">
        <v>0</v>
      </c>
      <c r="G245" s="5" t="s">
        <v>692</v>
      </c>
      <c r="H245" s="7" t="s">
        <v>715</v>
      </c>
      <c r="I245" s="10">
        <v>8021005006931</v>
      </c>
      <c r="K245" s="12">
        <v>0</v>
      </c>
      <c r="L245" s="12">
        <v>0</v>
      </c>
    </row>
    <row r="246" spans="1:12" ht="21.75" customHeight="1" x14ac:dyDescent="0.2">
      <c r="A246" s="5">
        <v>245</v>
      </c>
      <c r="B246" s="6" t="s">
        <v>12</v>
      </c>
      <c r="C246" s="7" t="s">
        <v>13</v>
      </c>
      <c r="D246" s="7" t="s">
        <v>47</v>
      </c>
      <c r="E246" s="8" t="s">
        <v>709</v>
      </c>
      <c r="F246" s="9">
        <v>0</v>
      </c>
      <c r="G246" s="5" t="s">
        <v>692</v>
      </c>
      <c r="H246" s="7" t="s">
        <v>716</v>
      </c>
      <c r="I246" s="10">
        <v>5021005006934</v>
      </c>
      <c r="K246" s="12">
        <v>0</v>
      </c>
      <c r="L246" s="12">
        <v>0</v>
      </c>
    </row>
    <row r="247" spans="1:12" ht="21.75" customHeight="1" x14ac:dyDescent="0.2">
      <c r="A247" s="5">
        <v>246</v>
      </c>
      <c r="B247" s="6" t="s">
        <v>12</v>
      </c>
      <c r="C247" s="7" t="s">
        <v>13</v>
      </c>
      <c r="D247" s="7" t="s">
        <v>47</v>
      </c>
      <c r="E247" s="8" t="s">
        <v>717</v>
      </c>
      <c r="F247" s="9">
        <v>0</v>
      </c>
      <c r="G247" s="5" t="s">
        <v>692</v>
      </c>
      <c r="H247" s="7" t="s">
        <v>718</v>
      </c>
      <c r="I247" s="10">
        <v>6021005006933</v>
      </c>
      <c r="K247" s="12">
        <v>0</v>
      </c>
      <c r="L247" s="12">
        <v>0</v>
      </c>
    </row>
    <row r="248" spans="1:12" ht="21.75" customHeight="1" x14ac:dyDescent="0.2">
      <c r="A248" s="5">
        <v>247</v>
      </c>
      <c r="B248" s="6" t="s">
        <v>12</v>
      </c>
      <c r="C248" s="7" t="s">
        <v>13</v>
      </c>
      <c r="D248" s="7" t="s">
        <v>47</v>
      </c>
      <c r="E248" s="8" t="s">
        <v>697</v>
      </c>
      <c r="F248" s="9">
        <v>0</v>
      </c>
      <c r="G248" s="5" t="s">
        <v>692</v>
      </c>
      <c r="H248" s="7" t="s">
        <v>719</v>
      </c>
      <c r="I248" s="10">
        <v>7021005006932</v>
      </c>
      <c r="K248" s="12">
        <v>0</v>
      </c>
      <c r="L248" s="12">
        <v>0</v>
      </c>
    </row>
    <row r="249" spans="1:12" ht="21.75" customHeight="1" x14ac:dyDescent="0.2">
      <c r="A249" s="5">
        <v>248</v>
      </c>
      <c r="B249" s="6" t="s">
        <v>12</v>
      </c>
      <c r="C249" s="7" t="s">
        <v>13</v>
      </c>
      <c r="D249" s="7" t="s">
        <v>720</v>
      </c>
      <c r="E249" s="8" t="s">
        <v>717</v>
      </c>
      <c r="F249" s="9">
        <v>0</v>
      </c>
      <c r="G249" s="5" t="s">
        <v>692</v>
      </c>
      <c r="H249" s="7" t="s">
        <v>721</v>
      </c>
      <c r="I249" s="10">
        <v>3021005006944</v>
      </c>
      <c r="K249" s="12">
        <v>0</v>
      </c>
      <c r="L249" s="12">
        <v>0</v>
      </c>
    </row>
    <row r="250" spans="1:12" ht="21.75" customHeight="1" x14ac:dyDescent="0.2">
      <c r="A250" s="5">
        <v>249</v>
      </c>
      <c r="B250" s="6" t="s">
        <v>12</v>
      </c>
      <c r="C250" s="7" t="s">
        <v>13</v>
      </c>
      <c r="D250" s="7" t="s">
        <v>53</v>
      </c>
      <c r="E250" s="8" t="s">
        <v>712</v>
      </c>
      <c r="F250" s="9">
        <v>0</v>
      </c>
      <c r="G250" s="5" t="s">
        <v>692</v>
      </c>
      <c r="H250" s="7" t="s">
        <v>722</v>
      </c>
      <c r="I250" s="10">
        <v>2021005007076</v>
      </c>
      <c r="K250" s="12">
        <v>0</v>
      </c>
      <c r="L250" s="12">
        <v>0</v>
      </c>
    </row>
    <row r="251" spans="1:12" ht="21.75" customHeight="1" x14ac:dyDescent="0.2">
      <c r="A251" s="5">
        <v>250</v>
      </c>
      <c r="B251" s="6" t="s">
        <v>12</v>
      </c>
      <c r="C251" s="7" t="s">
        <v>13</v>
      </c>
      <c r="D251" s="7" t="s">
        <v>723</v>
      </c>
      <c r="E251" s="8" t="s">
        <v>700</v>
      </c>
      <c r="F251" s="9">
        <v>0</v>
      </c>
      <c r="G251" s="5" t="s">
        <v>692</v>
      </c>
      <c r="H251" s="7" t="s">
        <v>724</v>
      </c>
      <c r="I251" s="10">
        <v>4021005006951</v>
      </c>
      <c r="K251" s="12">
        <v>0</v>
      </c>
      <c r="L251" s="12">
        <v>0</v>
      </c>
    </row>
    <row r="252" spans="1:12" ht="21.75" customHeight="1" x14ac:dyDescent="0.2">
      <c r="A252" s="5">
        <v>251</v>
      </c>
      <c r="B252" s="6" t="s">
        <v>12</v>
      </c>
      <c r="C252" s="7" t="s">
        <v>13</v>
      </c>
      <c r="D252" s="7" t="s">
        <v>725</v>
      </c>
      <c r="E252" s="8" t="s">
        <v>703</v>
      </c>
      <c r="F252" s="9">
        <v>0</v>
      </c>
      <c r="G252" s="5" t="s">
        <v>692</v>
      </c>
      <c r="H252" s="7" t="s">
        <v>726</v>
      </c>
      <c r="I252" s="10">
        <v>3021005006952</v>
      </c>
      <c r="K252" s="12">
        <v>0</v>
      </c>
      <c r="L252" s="12">
        <v>0</v>
      </c>
    </row>
    <row r="253" spans="1:12" ht="21.75" customHeight="1" x14ac:dyDescent="0.2">
      <c r="A253" s="5">
        <v>252</v>
      </c>
      <c r="B253" s="6" t="s">
        <v>12</v>
      </c>
      <c r="C253" s="7" t="s">
        <v>13</v>
      </c>
      <c r="D253" s="7" t="s">
        <v>727</v>
      </c>
      <c r="E253" s="8" t="s">
        <v>709</v>
      </c>
      <c r="F253" s="9">
        <v>0</v>
      </c>
      <c r="G253" s="5" t="s">
        <v>692</v>
      </c>
      <c r="H253" s="7" t="s">
        <v>728</v>
      </c>
      <c r="I253" s="10">
        <v>5021005006950</v>
      </c>
      <c r="K253" s="12">
        <v>0</v>
      </c>
      <c r="L253" s="12">
        <v>0</v>
      </c>
    </row>
    <row r="254" spans="1:12" ht="21.75" customHeight="1" x14ac:dyDescent="0.2">
      <c r="A254" s="5">
        <v>253</v>
      </c>
      <c r="B254" s="6" t="s">
        <v>12</v>
      </c>
      <c r="C254" s="7" t="s">
        <v>13</v>
      </c>
      <c r="D254" s="7" t="s">
        <v>729</v>
      </c>
      <c r="E254" s="8" t="s">
        <v>703</v>
      </c>
      <c r="F254" s="9">
        <v>0</v>
      </c>
      <c r="G254" s="5" t="s">
        <v>692</v>
      </c>
      <c r="H254" s="7" t="s">
        <v>730</v>
      </c>
      <c r="I254" s="10">
        <v>3021005006960</v>
      </c>
      <c r="K254" s="12">
        <v>0</v>
      </c>
      <c r="L254" s="12">
        <v>0</v>
      </c>
    </row>
    <row r="255" spans="1:12" ht="21.75" customHeight="1" x14ac:dyDescent="0.2">
      <c r="A255" s="5">
        <v>254</v>
      </c>
      <c r="B255" s="6" t="s">
        <v>12</v>
      </c>
      <c r="C255" s="7" t="s">
        <v>13</v>
      </c>
      <c r="D255" s="7" t="s">
        <v>59</v>
      </c>
      <c r="E255" s="8" t="s">
        <v>709</v>
      </c>
      <c r="F255" s="9">
        <v>0</v>
      </c>
      <c r="G255" s="5" t="s">
        <v>692</v>
      </c>
      <c r="H255" s="7" t="s">
        <v>731</v>
      </c>
      <c r="I255" s="10">
        <v>6021005006958</v>
      </c>
      <c r="K255" s="12">
        <v>0</v>
      </c>
      <c r="L255" s="12">
        <v>0</v>
      </c>
    </row>
    <row r="256" spans="1:12" ht="21.75" customHeight="1" x14ac:dyDescent="0.2">
      <c r="A256" s="5">
        <v>255</v>
      </c>
      <c r="B256" s="6" t="s">
        <v>12</v>
      </c>
      <c r="C256" s="7" t="s">
        <v>13</v>
      </c>
      <c r="D256" s="7" t="s">
        <v>732</v>
      </c>
      <c r="E256" s="8" t="s">
        <v>717</v>
      </c>
      <c r="F256" s="9">
        <v>0</v>
      </c>
      <c r="G256" s="5" t="s">
        <v>692</v>
      </c>
      <c r="H256" s="7" t="s">
        <v>733</v>
      </c>
      <c r="I256" s="10">
        <v>9021005006682</v>
      </c>
      <c r="K256" s="12">
        <v>0</v>
      </c>
      <c r="L256" s="12">
        <v>0</v>
      </c>
    </row>
    <row r="257" spans="1:12" ht="21.75" customHeight="1" x14ac:dyDescent="0.2">
      <c r="A257" s="5">
        <v>256</v>
      </c>
      <c r="B257" s="6" t="s">
        <v>12</v>
      </c>
      <c r="C257" s="7" t="s">
        <v>13</v>
      </c>
      <c r="D257" s="7" t="s">
        <v>732</v>
      </c>
      <c r="E257" s="8" t="s">
        <v>694</v>
      </c>
      <c r="F257" s="9">
        <v>0</v>
      </c>
      <c r="G257" s="5" t="s">
        <v>692</v>
      </c>
      <c r="H257" s="7" t="s">
        <v>734</v>
      </c>
      <c r="I257" s="10">
        <v>7021005006957</v>
      </c>
      <c r="K257" s="12">
        <v>0</v>
      </c>
      <c r="L257" s="12">
        <v>0</v>
      </c>
    </row>
    <row r="258" spans="1:12" ht="21.75" customHeight="1" x14ac:dyDescent="0.2">
      <c r="A258" s="5">
        <v>257</v>
      </c>
      <c r="B258" s="6" t="s">
        <v>12</v>
      </c>
      <c r="C258" s="7" t="s">
        <v>13</v>
      </c>
      <c r="D258" s="7" t="s">
        <v>69</v>
      </c>
      <c r="E258" s="8" t="s">
        <v>703</v>
      </c>
      <c r="F258" s="9">
        <v>0</v>
      </c>
      <c r="G258" s="5" t="s">
        <v>692</v>
      </c>
      <c r="H258" s="7" t="s">
        <v>735</v>
      </c>
      <c r="I258" s="10">
        <v>9021005006988</v>
      </c>
      <c r="K258" s="12">
        <v>0</v>
      </c>
      <c r="L258" s="12">
        <v>0</v>
      </c>
    </row>
    <row r="259" spans="1:12" ht="21.75" customHeight="1" x14ac:dyDescent="0.2">
      <c r="A259" s="5">
        <v>258</v>
      </c>
      <c r="B259" s="6" t="s">
        <v>12</v>
      </c>
      <c r="C259" s="7" t="s">
        <v>13</v>
      </c>
      <c r="D259" s="7" t="s">
        <v>736</v>
      </c>
      <c r="E259" s="8" t="s">
        <v>694</v>
      </c>
      <c r="F259" s="9">
        <v>0</v>
      </c>
      <c r="G259" s="5" t="s">
        <v>692</v>
      </c>
      <c r="H259" s="7" t="s">
        <v>737</v>
      </c>
      <c r="I259" s="10">
        <v>1021005006987</v>
      </c>
      <c r="K259" s="12">
        <v>0</v>
      </c>
      <c r="L259" s="12">
        <v>0</v>
      </c>
    </row>
    <row r="260" spans="1:12" ht="21.75" customHeight="1" x14ac:dyDescent="0.2">
      <c r="A260" s="5">
        <v>259</v>
      </c>
      <c r="B260" s="6" t="s">
        <v>12</v>
      </c>
      <c r="C260" s="7" t="s">
        <v>13</v>
      </c>
      <c r="D260" s="7" t="s">
        <v>738</v>
      </c>
      <c r="E260" s="8" t="s">
        <v>700</v>
      </c>
      <c r="F260" s="9">
        <v>0</v>
      </c>
      <c r="G260" s="5" t="s">
        <v>692</v>
      </c>
      <c r="H260" s="7" t="s">
        <v>739</v>
      </c>
      <c r="I260" s="10">
        <v>5021005007008</v>
      </c>
      <c r="K260" s="12">
        <v>0</v>
      </c>
      <c r="L260" s="12">
        <v>0</v>
      </c>
    </row>
    <row r="261" spans="1:12" ht="21.75" customHeight="1" x14ac:dyDescent="0.2">
      <c r="A261" s="5">
        <v>260</v>
      </c>
      <c r="B261" s="6" t="s">
        <v>12</v>
      </c>
      <c r="C261" s="7" t="s">
        <v>13</v>
      </c>
      <c r="D261" s="7" t="s">
        <v>740</v>
      </c>
      <c r="E261" s="8" t="s">
        <v>694</v>
      </c>
      <c r="F261" s="9">
        <v>0</v>
      </c>
      <c r="G261" s="5" t="s">
        <v>692</v>
      </c>
      <c r="H261" s="7" t="s">
        <v>741</v>
      </c>
      <c r="I261" s="10">
        <v>9021005007045</v>
      </c>
      <c r="K261" s="12">
        <v>0</v>
      </c>
      <c r="L261" s="12">
        <v>0</v>
      </c>
    </row>
    <row r="262" spans="1:12" ht="21.75" customHeight="1" x14ac:dyDescent="0.2">
      <c r="A262" s="5">
        <v>261</v>
      </c>
      <c r="B262" s="6" t="s">
        <v>12</v>
      </c>
      <c r="C262" s="7" t="s">
        <v>13</v>
      </c>
      <c r="D262" s="7" t="s">
        <v>742</v>
      </c>
      <c r="E262" s="8" t="s">
        <v>743</v>
      </c>
      <c r="F262" s="9">
        <v>0</v>
      </c>
      <c r="G262" s="5" t="s">
        <v>692</v>
      </c>
      <c r="H262" s="7" t="s">
        <v>744</v>
      </c>
      <c r="I262" s="10">
        <v>6021005007056</v>
      </c>
      <c r="K262" s="12">
        <v>0</v>
      </c>
      <c r="L262" s="12">
        <v>0</v>
      </c>
    </row>
    <row r="263" spans="1:12" ht="21.75" customHeight="1" x14ac:dyDescent="0.2">
      <c r="A263" s="5">
        <v>262</v>
      </c>
      <c r="B263" s="6" t="s">
        <v>12</v>
      </c>
      <c r="C263" s="7" t="s">
        <v>13</v>
      </c>
      <c r="D263" s="7" t="s">
        <v>100</v>
      </c>
      <c r="E263" s="8" t="s">
        <v>712</v>
      </c>
      <c r="F263" s="9">
        <v>0</v>
      </c>
      <c r="G263" s="5" t="s">
        <v>692</v>
      </c>
      <c r="H263" s="7" t="s">
        <v>745</v>
      </c>
      <c r="I263" s="10">
        <v>5021005007131</v>
      </c>
      <c r="K263" s="12">
        <v>0</v>
      </c>
      <c r="L263" s="12">
        <v>0</v>
      </c>
    </row>
    <row r="264" spans="1:12" ht="21.75" customHeight="1" x14ac:dyDescent="0.2">
      <c r="A264" s="5">
        <v>263</v>
      </c>
      <c r="B264" s="6" t="s">
        <v>12</v>
      </c>
      <c r="C264" s="7" t="s">
        <v>13</v>
      </c>
      <c r="D264" s="7" t="s">
        <v>100</v>
      </c>
      <c r="E264" s="8" t="s">
        <v>712</v>
      </c>
      <c r="F264" s="9">
        <v>0</v>
      </c>
      <c r="G264" s="5" t="s">
        <v>692</v>
      </c>
      <c r="H264" s="7" t="s">
        <v>746</v>
      </c>
      <c r="I264" s="10">
        <v>1021005007127</v>
      </c>
      <c r="K264" s="12">
        <v>0</v>
      </c>
      <c r="L264" s="12">
        <v>0</v>
      </c>
    </row>
    <row r="265" spans="1:12" ht="21.75" customHeight="1" x14ac:dyDescent="0.2">
      <c r="A265" s="5">
        <v>264</v>
      </c>
      <c r="B265" s="6" t="s">
        <v>12</v>
      </c>
      <c r="C265" s="7" t="s">
        <v>13</v>
      </c>
      <c r="D265" s="7" t="s">
        <v>100</v>
      </c>
      <c r="E265" s="8" t="s">
        <v>712</v>
      </c>
      <c r="F265" s="9">
        <v>0</v>
      </c>
      <c r="G265" s="5" t="s">
        <v>692</v>
      </c>
      <c r="H265" s="7" t="s">
        <v>747</v>
      </c>
      <c r="I265" s="10">
        <v>9021005007128</v>
      </c>
      <c r="K265" s="12">
        <v>0</v>
      </c>
      <c r="L265" s="12">
        <v>0</v>
      </c>
    </row>
    <row r="266" spans="1:12" ht="21.75" customHeight="1" x14ac:dyDescent="0.2">
      <c r="A266" s="5">
        <v>265</v>
      </c>
      <c r="B266" s="6" t="s">
        <v>12</v>
      </c>
      <c r="C266" s="7" t="s">
        <v>13</v>
      </c>
      <c r="D266" s="7" t="s">
        <v>100</v>
      </c>
      <c r="E266" s="8" t="s">
        <v>703</v>
      </c>
      <c r="F266" s="9">
        <v>0</v>
      </c>
      <c r="G266" s="5" t="s">
        <v>692</v>
      </c>
      <c r="H266" s="7" t="s">
        <v>748</v>
      </c>
      <c r="I266" s="10">
        <v>8021005007129</v>
      </c>
      <c r="K266" s="12">
        <v>0</v>
      </c>
      <c r="L266" s="12">
        <v>0</v>
      </c>
    </row>
    <row r="267" spans="1:12" ht="21.75" customHeight="1" x14ac:dyDescent="0.2">
      <c r="A267" s="5">
        <v>266</v>
      </c>
      <c r="B267" s="6" t="s">
        <v>12</v>
      </c>
      <c r="C267" s="7" t="s">
        <v>13</v>
      </c>
      <c r="D267" s="7" t="s">
        <v>100</v>
      </c>
      <c r="E267" s="8" t="s">
        <v>691</v>
      </c>
      <c r="F267" s="9">
        <v>0</v>
      </c>
      <c r="G267" s="5" t="s">
        <v>692</v>
      </c>
      <c r="H267" s="7" t="s">
        <v>749</v>
      </c>
      <c r="I267" s="10">
        <v>4021005007132</v>
      </c>
      <c r="K267" s="12">
        <v>0</v>
      </c>
      <c r="L267" s="12">
        <v>0</v>
      </c>
    </row>
    <row r="268" spans="1:12" ht="21.75" customHeight="1" x14ac:dyDescent="0.2">
      <c r="A268" s="5">
        <v>267</v>
      </c>
      <c r="B268" s="6" t="s">
        <v>12</v>
      </c>
      <c r="C268" s="7" t="s">
        <v>13</v>
      </c>
      <c r="D268" s="7" t="s">
        <v>100</v>
      </c>
      <c r="E268" s="8" t="s">
        <v>694</v>
      </c>
      <c r="F268" s="9">
        <v>0</v>
      </c>
      <c r="G268" s="5" t="s">
        <v>692</v>
      </c>
      <c r="H268" s="7" t="s">
        <v>750</v>
      </c>
      <c r="I268" s="10">
        <v>5021005007156</v>
      </c>
      <c r="K268" s="12">
        <v>0</v>
      </c>
      <c r="L268" s="12">
        <v>0</v>
      </c>
    </row>
    <row r="269" spans="1:12" ht="21.75" customHeight="1" x14ac:dyDescent="0.2">
      <c r="A269" s="5">
        <v>268</v>
      </c>
      <c r="B269" s="6" t="s">
        <v>12</v>
      </c>
      <c r="C269" s="7" t="s">
        <v>13</v>
      </c>
      <c r="D269" s="7" t="s">
        <v>751</v>
      </c>
      <c r="E269" s="8" t="s">
        <v>694</v>
      </c>
      <c r="F269" s="9">
        <v>0</v>
      </c>
      <c r="G269" s="5" t="s">
        <v>692</v>
      </c>
      <c r="H269" s="7" t="s">
        <v>752</v>
      </c>
      <c r="I269" s="10">
        <v>6021005007122</v>
      </c>
      <c r="K269" s="12">
        <v>0</v>
      </c>
      <c r="L269" s="12">
        <v>0</v>
      </c>
    </row>
    <row r="270" spans="1:12" ht="21.75" customHeight="1" x14ac:dyDescent="0.2">
      <c r="A270" s="5">
        <v>269</v>
      </c>
      <c r="B270" s="6" t="s">
        <v>12</v>
      </c>
      <c r="C270" s="7" t="s">
        <v>13</v>
      </c>
      <c r="D270" s="7" t="s">
        <v>753</v>
      </c>
      <c r="E270" s="8" t="s">
        <v>703</v>
      </c>
      <c r="F270" s="9">
        <v>0</v>
      </c>
      <c r="G270" s="5" t="s">
        <v>692</v>
      </c>
      <c r="H270" s="7" t="s">
        <v>754</v>
      </c>
      <c r="I270" s="10">
        <v>2021005007134</v>
      </c>
      <c r="K270" s="12">
        <v>0</v>
      </c>
      <c r="L270" s="12">
        <v>0</v>
      </c>
    </row>
    <row r="271" spans="1:12" ht="21.75" customHeight="1" x14ac:dyDescent="0.2">
      <c r="A271" s="5">
        <v>270</v>
      </c>
      <c r="B271" s="6" t="s">
        <v>12</v>
      </c>
      <c r="C271" s="7" t="s">
        <v>13</v>
      </c>
      <c r="D271" s="7" t="s">
        <v>753</v>
      </c>
      <c r="E271" s="8" t="s">
        <v>717</v>
      </c>
      <c r="F271" s="9">
        <v>0</v>
      </c>
      <c r="G271" s="5" t="s">
        <v>692</v>
      </c>
      <c r="H271" s="7" t="s">
        <v>755</v>
      </c>
      <c r="I271" s="10">
        <v>8021005007137</v>
      </c>
      <c r="K271" s="12">
        <v>0</v>
      </c>
      <c r="L271" s="12">
        <v>0</v>
      </c>
    </row>
    <row r="272" spans="1:12" ht="21.75" customHeight="1" x14ac:dyDescent="0.2">
      <c r="A272" s="5">
        <v>271</v>
      </c>
      <c r="B272" s="6" t="s">
        <v>12</v>
      </c>
      <c r="C272" s="7" t="s">
        <v>13</v>
      </c>
      <c r="D272" s="7" t="s">
        <v>756</v>
      </c>
      <c r="E272" s="8" t="s">
        <v>717</v>
      </c>
      <c r="F272" s="9">
        <v>0</v>
      </c>
      <c r="G272" s="5" t="s">
        <v>692</v>
      </c>
      <c r="H272" s="7" t="s">
        <v>757</v>
      </c>
      <c r="I272" s="10">
        <v>6021005007139</v>
      </c>
      <c r="K272" s="12">
        <v>0</v>
      </c>
      <c r="L272" s="12">
        <v>0</v>
      </c>
    </row>
    <row r="273" spans="1:12" ht="21.75" customHeight="1" x14ac:dyDescent="0.2">
      <c r="A273" s="5">
        <v>272</v>
      </c>
      <c r="B273" s="6" t="s">
        <v>12</v>
      </c>
      <c r="C273" s="7" t="s">
        <v>13</v>
      </c>
      <c r="D273" s="7" t="s">
        <v>758</v>
      </c>
      <c r="E273" s="8" t="s">
        <v>703</v>
      </c>
      <c r="F273" s="9">
        <v>0</v>
      </c>
      <c r="G273" s="5" t="s">
        <v>692</v>
      </c>
      <c r="H273" s="7" t="s">
        <v>759</v>
      </c>
      <c r="I273" s="10">
        <v>8021005007062</v>
      </c>
      <c r="K273" s="12">
        <v>0</v>
      </c>
      <c r="L273" s="12">
        <v>0</v>
      </c>
    </row>
    <row r="274" spans="1:12" ht="21.75" customHeight="1" x14ac:dyDescent="0.2">
      <c r="A274" s="5">
        <v>273</v>
      </c>
      <c r="B274" s="6" t="s">
        <v>12</v>
      </c>
      <c r="C274" s="7" t="s">
        <v>13</v>
      </c>
      <c r="D274" s="7" t="s">
        <v>760</v>
      </c>
      <c r="E274" s="8" t="s">
        <v>703</v>
      </c>
      <c r="F274" s="9">
        <v>0</v>
      </c>
      <c r="G274" s="5" t="s">
        <v>692</v>
      </c>
      <c r="H274" s="7" t="s">
        <v>761</v>
      </c>
      <c r="I274" s="10">
        <v>9021005007061</v>
      </c>
      <c r="K274" s="12">
        <v>0</v>
      </c>
      <c r="L274" s="12">
        <v>0</v>
      </c>
    </row>
    <row r="275" spans="1:12" ht="21.75" customHeight="1" x14ac:dyDescent="0.2">
      <c r="A275" s="5">
        <v>274</v>
      </c>
      <c r="B275" s="6" t="s">
        <v>12</v>
      </c>
      <c r="C275" s="7" t="s">
        <v>13</v>
      </c>
      <c r="D275" s="7" t="s">
        <v>762</v>
      </c>
      <c r="E275" s="8" t="s">
        <v>743</v>
      </c>
      <c r="F275" s="9">
        <v>0</v>
      </c>
      <c r="G275" s="5" t="s">
        <v>692</v>
      </c>
      <c r="H275" s="7" t="s">
        <v>763</v>
      </c>
      <c r="I275" s="10">
        <v>1021005007069</v>
      </c>
      <c r="K275" s="12">
        <v>0</v>
      </c>
      <c r="L275" s="12">
        <v>0</v>
      </c>
    </row>
    <row r="276" spans="1:12" ht="21.75" customHeight="1" x14ac:dyDescent="0.2">
      <c r="A276" s="5">
        <v>275</v>
      </c>
      <c r="B276" s="6" t="s">
        <v>12</v>
      </c>
      <c r="C276" s="7" t="s">
        <v>13</v>
      </c>
      <c r="D276" s="7" t="s">
        <v>764</v>
      </c>
      <c r="E276" s="8" t="s">
        <v>743</v>
      </c>
      <c r="F276" s="9">
        <v>0</v>
      </c>
      <c r="G276" s="5" t="s">
        <v>692</v>
      </c>
      <c r="H276" s="7" t="s">
        <v>765</v>
      </c>
      <c r="I276" s="10">
        <v>3021005007083</v>
      </c>
      <c r="K276" s="12">
        <v>0</v>
      </c>
      <c r="L276" s="12">
        <v>0</v>
      </c>
    </row>
    <row r="277" spans="1:12" ht="21.75" customHeight="1" x14ac:dyDescent="0.2">
      <c r="A277" s="5">
        <v>276</v>
      </c>
      <c r="B277" s="6" t="s">
        <v>12</v>
      </c>
      <c r="C277" s="7" t="s">
        <v>13</v>
      </c>
      <c r="D277" s="7" t="s">
        <v>766</v>
      </c>
      <c r="E277" s="8" t="s">
        <v>709</v>
      </c>
      <c r="F277" s="9">
        <v>0</v>
      </c>
      <c r="G277" s="5" t="s">
        <v>692</v>
      </c>
      <c r="H277" s="7" t="s">
        <v>767</v>
      </c>
      <c r="I277" s="10">
        <v>2021005007084</v>
      </c>
      <c r="K277" s="12">
        <v>0</v>
      </c>
      <c r="L277" s="12">
        <v>0</v>
      </c>
    </row>
    <row r="278" spans="1:12" ht="21.75" customHeight="1" x14ac:dyDescent="0.2">
      <c r="A278" s="5">
        <v>277</v>
      </c>
      <c r="B278" s="6" t="s">
        <v>12</v>
      </c>
      <c r="C278" s="7" t="s">
        <v>13</v>
      </c>
      <c r="D278" s="7" t="s">
        <v>117</v>
      </c>
      <c r="E278" s="8" t="s">
        <v>694</v>
      </c>
      <c r="F278" s="9">
        <v>0</v>
      </c>
      <c r="G278" s="5" t="s">
        <v>692</v>
      </c>
      <c r="H278" s="7" t="s">
        <v>768</v>
      </c>
      <c r="I278" s="10">
        <v>6021005007097</v>
      </c>
      <c r="K278" s="12">
        <v>0</v>
      </c>
      <c r="L278" s="12">
        <v>0</v>
      </c>
    </row>
    <row r="279" spans="1:12" ht="21.75" customHeight="1" x14ac:dyDescent="0.2">
      <c r="A279" s="5">
        <v>278</v>
      </c>
      <c r="B279" s="6" t="s">
        <v>12</v>
      </c>
      <c r="C279" s="7" t="s">
        <v>13</v>
      </c>
      <c r="D279" s="7" t="s">
        <v>769</v>
      </c>
      <c r="E279" s="8" t="s">
        <v>712</v>
      </c>
      <c r="F279" s="9">
        <v>0</v>
      </c>
      <c r="G279" s="5" t="s">
        <v>692</v>
      </c>
      <c r="H279" s="7" t="s">
        <v>770</v>
      </c>
      <c r="I279" s="10">
        <v>1021005007102</v>
      </c>
      <c r="K279" s="12">
        <v>0</v>
      </c>
      <c r="L279" s="12">
        <v>0</v>
      </c>
    </row>
    <row r="280" spans="1:12" ht="21.75" customHeight="1" x14ac:dyDescent="0.2">
      <c r="A280" s="5">
        <v>279</v>
      </c>
      <c r="B280" s="6" t="s">
        <v>12</v>
      </c>
      <c r="C280" s="7" t="s">
        <v>13</v>
      </c>
      <c r="D280" s="7" t="s">
        <v>769</v>
      </c>
      <c r="E280" s="8" t="s">
        <v>703</v>
      </c>
      <c r="F280" s="9">
        <v>0</v>
      </c>
      <c r="G280" s="5" t="s">
        <v>692</v>
      </c>
      <c r="H280" s="7" t="s">
        <v>771</v>
      </c>
      <c r="I280" s="10">
        <v>3021005007091</v>
      </c>
      <c r="K280" s="12">
        <v>0</v>
      </c>
      <c r="L280" s="12">
        <v>0</v>
      </c>
    </row>
    <row r="281" spans="1:12" ht="21.75" customHeight="1" x14ac:dyDescent="0.2">
      <c r="A281" s="5">
        <v>280</v>
      </c>
      <c r="B281" s="6" t="s">
        <v>12</v>
      </c>
      <c r="C281" s="7" t="s">
        <v>13</v>
      </c>
      <c r="D281" s="7" t="s">
        <v>769</v>
      </c>
      <c r="E281" s="8" t="s">
        <v>709</v>
      </c>
      <c r="F281" s="9">
        <v>0</v>
      </c>
      <c r="G281" s="5" t="s">
        <v>692</v>
      </c>
      <c r="H281" s="7" t="s">
        <v>772</v>
      </c>
      <c r="I281" s="10">
        <v>9021005007103</v>
      </c>
      <c r="K281" s="12">
        <v>0</v>
      </c>
      <c r="L281" s="12">
        <v>0</v>
      </c>
    </row>
    <row r="282" spans="1:12" ht="21.75" customHeight="1" x14ac:dyDescent="0.2">
      <c r="A282" s="5">
        <v>281</v>
      </c>
      <c r="B282" s="6" t="s">
        <v>12</v>
      </c>
      <c r="C282" s="7" t="s">
        <v>13</v>
      </c>
      <c r="D282" s="7" t="s">
        <v>769</v>
      </c>
      <c r="E282" s="8" t="s">
        <v>717</v>
      </c>
      <c r="F282" s="9">
        <v>0</v>
      </c>
      <c r="G282" s="5" t="s">
        <v>692</v>
      </c>
      <c r="H282" s="7" t="s">
        <v>773</v>
      </c>
      <c r="I282" s="10">
        <v>2021005007101</v>
      </c>
      <c r="K282" s="12">
        <v>0</v>
      </c>
      <c r="L282" s="12">
        <v>0</v>
      </c>
    </row>
    <row r="283" spans="1:12" ht="21.75" customHeight="1" x14ac:dyDescent="0.2">
      <c r="A283" s="5">
        <v>282</v>
      </c>
      <c r="B283" s="6" t="s">
        <v>12</v>
      </c>
      <c r="C283" s="7" t="s">
        <v>13</v>
      </c>
      <c r="D283" s="7" t="s">
        <v>769</v>
      </c>
      <c r="E283" s="8" t="s">
        <v>717</v>
      </c>
      <c r="F283" s="9">
        <v>0</v>
      </c>
      <c r="G283" s="5" t="s">
        <v>692</v>
      </c>
      <c r="H283" s="7" t="s">
        <v>774</v>
      </c>
      <c r="I283" s="10">
        <v>5021005007098</v>
      </c>
      <c r="K283" s="12">
        <v>0</v>
      </c>
      <c r="L283" s="12">
        <v>0</v>
      </c>
    </row>
    <row r="284" spans="1:12" ht="21.75" customHeight="1" x14ac:dyDescent="0.2">
      <c r="A284" s="5">
        <v>283</v>
      </c>
      <c r="B284" s="6" t="s">
        <v>12</v>
      </c>
      <c r="C284" s="7" t="s">
        <v>13</v>
      </c>
      <c r="D284" s="7" t="s">
        <v>775</v>
      </c>
      <c r="E284" s="8" t="s">
        <v>691</v>
      </c>
      <c r="F284" s="9">
        <v>0</v>
      </c>
      <c r="G284" s="5" t="s">
        <v>692</v>
      </c>
      <c r="H284" s="7" t="s">
        <v>776</v>
      </c>
      <c r="I284" s="10">
        <v>5021005007123</v>
      </c>
      <c r="K284" s="12">
        <v>0</v>
      </c>
      <c r="L284" s="12">
        <v>0</v>
      </c>
    </row>
    <row r="285" spans="1:12" ht="21.75" customHeight="1" x14ac:dyDescent="0.2">
      <c r="A285" s="5">
        <v>284</v>
      </c>
      <c r="B285" s="6" t="s">
        <v>12</v>
      </c>
      <c r="C285" s="7" t="s">
        <v>13</v>
      </c>
      <c r="D285" s="7" t="s">
        <v>775</v>
      </c>
      <c r="E285" s="8" t="s">
        <v>709</v>
      </c>
      <c r="F285" s="9">
        <v>0</v>
      </c>
      <c r="G285" s="5" t="s">
        <v>692</v>
      </c>
      <c r="H285" s="7" t="s">
        <v>777</v>
      </c>
      <c r="I285" s="10">
        <v>7021005007105</v>
      </c>
      <c r="K285" s="12">
        <v>0</v>
      </c>
      <c r="L285" s="12">
        <v>0</v>
      </c>
    </row>
    <row r="286" spans="1:12" ht="21.75" customHeight="1" x14ac:dyDescent="0.2">
      <c r="A286" s="5">
        <v>285</v>
      </c>
      <c r="B286" s="6" t="s">
        <v>12</v>
      </c>
      <c r="C286" s="7" t="s">
        <v>13</v>
      </c>
      <c r="D286" s="7" t="s">
        <v>775</v>
      </c>
      <c r="E286" s="8" t="s">
        <v>697</v>
      </c>
      <c r="F286" s="9">
        <v>0</v>
      </c>
      <c r="G286" s="5" t="s">
        <v>692</v>
      </c>
      <c r="H286" s="7" t="s">
        <v>778</v>
      </c>
      <c r="I286" s="10">
        <v>8021005007104</v>
      </c>
      <c r="K286" s="12">
        <v>0</v>
      </c>
      <c r="L286" s="12">
        <v>0</v>
      </c>
    </row>
    <row r="287" spans="1:12" ht="21.75" customHeight="1" x14ac:dyDescent="0.2">
      <c r="A287" s="5">
        <v>286</v>
      </c>
      <c r="B287" s="6" t="s">
        <v>12</v>
      </c>
      <c r="C287" s="7" t="s">
        <v>13</v>
      </c>
      <c r="D287" s="7" t="s">
        <v>779</v>
      </c>
      <c r="E287" s="8" t="s">
        <v>712</v>
      </c>
      <c r="F287" s="9">
        <v>0</v>
      </c>
      <c r="G287" s="5" t="s">
        <v>692</v>
      </c>
      <c r="H287" s="7" t="s">
        <v>780</v>
      </c>
      <c r="I287" s="10">
        <v>4021005007108</v>
      </c>
      <c r="K287" s="12">
        <v>0</v>
      </c>
      <c r="L287" s="12">
        <v>0</v>
      </c>
    </row>
    <row r="288" spans="1:12" ht="21.75" customHeight="1" x14ac:dyDescent="0.2">
      <c r="A288" s="5">
        <v>287</v>
      </c>
      <c r="B288" s="6" t="s">
        <v>12</v>
      </c>
      <c r="C288" s="7" t="s">
        <v>13</v>
      </c>
      <c r="D288" s="7" t="s">
        <v>781</v>
      </c>
      <c r="E288" s="8" t="s">
        <v>694</v>
      </c>
      <c r="F288" s="9">
        <v>0</v>
      </c>
      <c r="G288" s="5" t="s">
        <v>692</v>
      </c>
      <c r="H288" s="7" t="s">
        <v>782</v>
      </c>
      <c r="I288" s="10">
        <v>7021005007121</v>
      </c>
      <c r="K288" s="12">
        <v>0</v>
      </c>
      <c r="L288" s="12">
        <v>0</v>
      </c>
    </row>
    <row r="289" spans="1:12" ht="21.75" customHeight="1" x14ac:dyDescent="0.2">
      <c r="A289" s="5">
        <v>288</v>
      </c>
      <c r="B289" s="6" t="s">
        <v>12</v>
      </c>
      <c r="C289" s="7" t="s">
        <v>148</v>
      </c>
      <c r="D289" s="7" t="s">
        <v>783</v>
      </c>
      <c r="E289" s="8" t="s">
        <v>784</v>
      </c>
      <c r="F289" s="9">
        <v>0</v>
      </c>
      <c r="G289" s="5" t="s">
        <v>692</v>
      </c>
      <c r="H289" s="7" t="s">
        <v>785</v>
      </c>
      <c r="I289" s="10">
        <v>8021005006923</v>
      </c>
      <c r="K289" s="12">
        <v>0</v>
      </c>
      <c r="L289" s="12">
        <v>0</v>
      </c>
    </row>
    <row r="290" spans="1:12" ht="21.75" customHeight="1" x14ac:dyDescent="0.2">
      <c r="A290" s="5">
        <v>289</v>
      </c>
      <c r="B290" s="6" t="s">
        <v>152</v>
      </c>
      <c r="C290" s="7" t="s">
        <v>786</v>
      </c>
      <c r="D290" s="7" t="s">
        <v>787</v>
      </c>
      <c r="E290" s="8" t="s">
        <v>788</v>
      </c>
      <c r="F290" s="9">
        <v>0</v>
      </c>
      <c r="G290" s="5" t="s">
        <v>692</v>
      </c>
      <c r="H290" s="7" t="s">
        <v>789</v>
      </c>
      <c r="I290" s="10">
        <v>4021005006910</v>
      </c>
      <c r="K290" s="12">
        <v>0</v>
      </c>
      <c r="L290" s="12">
        <v>0</v>
      </c>
    </row>
    <row r="291" spans="1:12" ht="21.75" customHeight="1" x14ac:dyDescent="0.2">
      <c r="A291" s="5">
        <v>290</v>
      </c>
      <c r="B291" s="6" t="s">
        <v>152</v>
      </c>
      <c r="C291" s="7" t="s">
        <v>786</v>
      </c>
      <c r="D291" s="7" t="s">
        <v>790</v>
      </c>
      <c r="E291" s="8" t="s">
        <v>791</v>
      </c>
      <c r="F291" s="9">
        <v>0</v>
      </c>
      <c r="G291" s="5" t="s">
        <v>692</v>
      </c>
      <c r="H291" s="7" t="s">
        <v>792</v>
      </c>
      <c r="I291" s="10">
        <v>5021005006918</v>
      </c>
      <c r="K291" s="12">
        <v>0</v>
      </c>
      <c r="L291" s="12">
        <v>0</v>
      </c>
    </row>
    <row r="292" spans="1:12" ht="21.75" customHeight="1" x14ac:dyDescent="0.2">
      <c r="A292" s="5">
        <v>291</v>
      </c>
      <c r="B292" s="6" t="s">
        <v>152</v>
      </c>
      <c r="C292" s="7" t="s">
        <v>786</v>
      </c>
      <c r="D292" s="7" t="s">
        <v>793</v>
      </c>
      <c r="E292" s="8" t="s">
        <v>794</v>
      </c>
      <c r="F292" s="9">
        <v>0</v>
      </c>
      <c r="G292" s="5" t="s">
        <v>692</v>
      </c>
      <c r="H292" s="7" t="s">
        <v>795</v>
      </c>
      <c r="I292" s="10">
        <v>9021005006947</v>
      </c>
      <c r="K292" s="12">
        <v>0</v>
      </c>
      <c r="L292" s="12">
        <v>0</v>
      </c>
    </row>
    <row r="293" spans="1:12" ht="21.75" customHeight="1" x14ac:dyDescent="0.2">
      <c r="A293" s="5">
        <v>292</v>
      </c>
      <c r="B293" s="6" t="s">
        <v>152</v>
      </c>
      <c r="C293" s="7" t="s">
        <v>786</v>
      </c>
      <c r="D293" s="7" t="s">
        <v>796</v>
      </c>
      <c r="E293" s="8" t="s">
        <v>794</v>
      </c>
      <c r="F293" s="9">
        <v>0</v>
      </c>
      <c r="G293" s="5" t="s">
        <v>692</v>
      </c>
      <c r="H293" s="7" t="s">
        <v>797</v>
      </c>
      <c r="I293" s="10">
        <v>4021005006984</v>
      </c>
      <c r="K293" s="12">
        <v>0</v>
      </c>
      <c r="L293" s="12">
        <v>0</v>
      </c>
    </row>
    <row r="294" spans="1:12" ht="21.75" customHeight="1" x14ac:dyDescent="0.2">
      <c r="A294" s="5">
        <v>293</v>
      </c>
      <c r="B294" s="6" t="s">
        <v>152</v>
      </c>
      <c r="C294" s="7" t="s">
        <v>786</v>
      </c>
      <c r="D294" s="7" t="s">
        <v>798</v>
      </c>
      <c r="E294" s="8" t="s">
        <v>799</v>
      </c>
      <c r="F294" s="9">
        <v>0</v>
      </c>
      <c r="G294" s="5" t="s">
        <v>692</v>
      </c>
      <c r="H294" s="7" t="s">
        <v>800</v>
      </c>
      <c r="I294" s="10">
        <v>2021005006978</v>
      </c>
      <c r="K294" s="12">
        <v>0</v>
      </c>
      <c r="L294" s="12">
        <v>0</v>
      </c>
    </row>
    <row r="295" spans="1:12" ht="21.75" customHeight="1" x14ac:dyDescent="0.2">
      <c r="A295" s="5">
        <v>294</v>
      </c>
      <c r="B295" s="6" t="s">
        <v>152</v>
      </c>
      <c r="C295" s="7" t="s">
        <v>786</v>
      </c>
      <c r="D295" s="7" t="s">
        <v>801</v>
      </c>
      <c r="E295" s="8" t="s">
        <v>791</v>
      </c>
      <c r="F295" s="9">
        <v>0</v>
      </c>
      <c r="G295" s="5" t="s">
        <v>692</v>
      </c>
      <c r="H295" s="7" t="s">
        <v>802</v>
      </c>
      <c r="I295" s="10">
        <v>1021005006962</v>
      </c>
      <c r="K295" s="12">
        <v>0</v>
      </c>
      <c r="L295" s="12">
        <v>0</v>
      </c>
    </row>
    <row r="296" spans="1:12" ht="21.75" customHeight="1" x14ac:dyDescent="0.2">
      <c r="A296" s="5">
        <v>295</v>
      </c>
      <c r="B296" s="6" t="s">
        <v>152</v>
      </c>
      <c r="C296" s="7" t="s">
        <v>786</v>
      </c>
      <c r="D296" s="7" t="s">
        <v>803</v>
      </c>
      <c r="E296" s="8" t="s">
        <v>804</v>
      </c>
      <c r="F296" s="9">
        <v>0</v>
      </c>
      <c r="G296" s="5" t="s">
        <v>692</v>
      </c>
      <c r="H296" s="7" t="s">
        <v>805</v>
      </c>
      <c r="I296" s="10">
        <v>1021005006970</v>
      </c>
      <c r="K296" s="12">
        <v>0</v>
      </c>
      <c r="L296" s="12">
        <v>0</v>
      </c>
    </row>
    <row r="297" spans="1:12" ht="21.75" customHeight="1" x14ac:dyDescent="0.2">
      <c r="A297" s="5">
        <v>296</v>
      </c>
      <c r="B297" s="6" t="s">
        <v>152</v>
      </c>
      <c r="C297" s="7" t="s">
        <v>786</v>
      </c>
      <c r="D297" s="7" t="s">
        <v>806</v>
      </c>
      <c r="E297" s="8" t="s">
        <v>807</v>
      </c>
      <c r="F297" s="9">
        <v>0</v>
      </c>
      <c r="G297" s="5" t="s">
        <v>692</v>
      </c>
      <c r="H297" s="7" t="s">
        <v>808</v>
      </c>
      <c r="I297" s="10">
        <v>4021005006992</v>
      </c>
      <c r="K297" s="12">
        <v>0</v>
      </c>
      <c r="L297" s="12">
        <v>0</v>
      </c>
    </row>
    <row r="298" spans="1:12" ht="21.75" customHeight="1" x14ac:dyDescent="0.2">
      <c r="A298" s="5">
        <v>297</v>
      </c>
      <c r="B298" s="6" t="s">
        <v>152</v>
      </c>
      <c r="C298" s="7" t="s">
        <v>786</v>
      </c>
      <c r="D298" s="7" t="s">
        <v>809</v>
      </c>
      <c r="E298" s="8" t="s">
        <v>810</v>
      </c>
      <c r="F298" s="9">
        <v>0</v>
      </c>
      <c r="G298" s="5" t="s">
        <v>692</v>
      </c>
      <c r="H298" s="7" t="s">
        <v>811</v>
      </c>
      <c r="I298" s="10">
        <v>9021005007020</v>
      </c>
      <c r="K298" s="12">
        <v>0</v>
      </c>
      <c r="L298" s="12">
        <v>0</v>
      </c>
    </row>
    <row r="299" spans="1:12" ht="21.75" customHeight="1" x14ac:dyDescent="0.2">
      <c r="A299" s="5">
        <v>298</v>
      </c>
      <c r="B299" s="6" t="s">
        <v>152</v>
      </c>
      <c r="C299" s="7" t="s">
        <v>786</v>
      </c>
      <c r="D299" s="7" t="s">
        <v>386</v>
      </c>
      <c r="E299" s="8" t="s">
        <v>791</v>
      </c>
      <c r="F299" s="9">
        <v>0</v>
      </c>
      <c r="G299" s="5" t="s">
        <v>692</v>
      </c>
      <c r="H299" s="7" t="s">
        <v>812</v>
      </c>
      <c r="I299" s="10">
        <v>3021005007018</v>
      </c>
      <c r="K299" s="12">
        <v>0</v>
      </c>
      <c r="L299" s="12">
        <v>0</v>
      </c>
    </row>
    <row r="300" spans="1:12" ht="21.75" customHeight="1" x14ac:dyDescent="0.2">
      <c r="A300" s="5">
        <v>299</v>
      </c>
      <c r="B300" s="6" t="s">
        <v>152</v>
      </c>
      <c r="C300" s="7" t="s">
        <v>786</v>
      </c>
      <c r="D300" s="7" t="s">
        <v>813</v>
      </c>
      <c r="E300" s="8" t="s">
        <v>814</v>
      </c>
      <c r="F300" s="9">
        <v>0</v>
      </c>
      <c r="G300" s="5" t="s">
        <v>692</v>
      </c>
      <c r="H300" s="7" t="s">
        <v>815</v>
      </c>
      <c r="I300" s="10">
        <v>6021005007023</v>
      </c>
      <c r="K300" s="12">
        <v>0</v>
      </c>
      <c r="L300" s="12">
        <v>0</v>
      </c>
    </row>
    <row r="301" spans="1:12" ht="21.75" customHeight="1" x14ac:dyDescent="0.2">
      <c r="A301" s="5">
        <v>300</v>
      </c>
      <c r="B301" s="6" t="s">
        <v>152</v>
      </c>
      <c r="C301" s="7" t="s">
        <v>786</v>
      </c>
      <c r="D301" s="7" t="s">
        <v>816</v>
      </c>
      <c r="E301" s="8" t="s">
        <v>817</v>
      </c>
      <c r="F301" s="9">
        <v>0</v>
      </c>
      <c r="G301" s="5" t="s">
        <v>692</v>
      </c>
      <c r="H301" s="7" t="s">
        <v>818</v>
      </c>
      <c r="I301" s="10">
        <v>5021005007040</v>
      </c>
      <c r="K301" s="12">
        <v>0</v>
      </c>
      <c r="L301" s="12">
        <v>0</v>
      </c>
    </row>
    <row r="302" spans="1:12" ht="21.75" customHeight="1" x14ac:dyDescent="0.2">
      <c r="A302" s="5">
        <v>301</v>
      </c>
      <c r="B302" s="6" t="s">
        <v>152</v>
      </c>
      <c r="C302" s="7" t="s">
        <v>786</v>
      </c>
      <c r="D302" s="7" t="s">
        <v>819</v>
      </c>
      <c r="E302" s="8" t="s">
        <v>820</v>
      </c>
      <c r="F302" s="9">
        <v>0</v>
      </c>
      <c r="G302" s="5" t="s">
        <v>692</v>
      </c>
      <c r="H302" s="7" t="s">
        <v>821</v>
      </c>
      <c r="I302" s="10">
        <v>6021005007147</v>
      </c>
      <c r="K302" s="12">
        <v>0</v>
      </c>
      <c r="L302" s="12">
        <v>0</v>
      </c>
    </row>
    <row r="303" spans="1:12" ht="21.75" customHeight="1" x14ac:dyDescent="0.2">
      <c r="A303" s="5">
        <v>302</v>
      </c>
      <c r="B303" s="6" t="s">
        <v>152</v>
      </c>
      <c r="C303" s="7" t="s">
        <v>786</v>
      </c>
      <c r="D303" s="7" t="s">
        <v>822</v>
      </c>
      <c r="E303" s="8" t="s">
        <v>814</v>
      </c>
      <c r="F303" s="9">
        <v>0</v>
      </c>
      <c r="G303" s="5" t="s">
        <v>692</v>
      </c>
      <c r="H303" s="7" t="s">
        <v>823</v>
      </c>
      <c r="I303" s="10">
        <v>7021005007146</v>
      </c>
      <c r="K303" s="12">
        <v>0</v>
      </c>
      <c r="L303" s="12">
        <v>0</v>
      </c>
    </row>
    <row r="304" spans="1:12" ht="21.75" customHeight="1" x14ac:dyDescent="0.2">
      <c r="A304" s="5">
        <v>303</v>
      </c>
      <c r="B304" s="6" t="s">
        <v>152</v>
      </c>
      <c r="C304" s="7" t="s">
        <v>786</v>
      </c>
      <c r="D304" s="7" t="s">
        <v>824</v>
      </c>
      <c r="E304" s="8" t="s">
        <v>799</v>
      </c>
      <c r="F304" s="9">
        <v>0</v>
      </c>
      <c r="G304" s="5" t="s">
        <v>692</v>
      </c>
      <c r="H304" s="7" t="s">
        <v>825</v>
      </c>
      <c r="I304" s="10">
        <v>7021005007063</v>
      </c>
      <c r="K304" s="12">
        <v>0</v>
      </c>
      <c r="L304" s="12">
        <v>0</v>
      </c>
    </row>
    <row r="305" spans="1:12" ht="21.75" customHeight="1" x14ac:dyDescent="0.2">
      <c r="A305" s="5">
        <v>304</v>
      </c>
      <c r="B305" s="6" t="s">
        <v>152</v>
      </c>
      <c r="C305" s="7" t="s">
        <v>786</v>
      </c>
      <c r="D305" s="7" t="s">
        <v>826</v>
      </c>
      <c r="E305" s="8" t="s">
        <v>817</v>
      </c>
      <c r="F305" s="9">
        <v>0</v>
      </c>
      <c r="G305" s="5" t="s">
        <v>692</v>
      </c>
      <c r="H305" s="7" t="s">
        <v>827</v>
      </c>
      <c r="I305" s="10">
        <v>9021005007078</v>
      </c>
      <c r="K305" s="12">
        <v>0</v>
      </c>
      <c r="L305" s="12">
        <v>0</v>
      </c>
    </row>
    <row r="306" spans="1:12" ht="21.75" customHeight="1" x14ac:dyDescent="0.2">
      <c r="A306" s="5">
        <v>305</v>
      </c>
      <c r="B306" s="6" t="s">
        <v>152</v>
      </c>
      <c r="C306" s="7" t="s">
        <v>786</v>
      </c>
      <c r="D306" s="7" t="s">
        <v>828</v>
      </c>
      <c r="E306" s="8" t="s">
        <v>829</v>
      </c>
      <c r="F306" s="9">
        <v>0</v>
      </c>
      <c r="G306" s="5" t="s">
        <v>692</v>
      </c>
      <c r="H306" s="7" t="s">
        <v>830</v>
      </c>
      <c r="I306" s="10">
        <v>9021005007086</v>
      </c>
      <c r="K306" s="12">
        <v>0</v>
      </c>
      <c r="L306" s="12">
        <v>0</v>
      </c>
    </row>
    <row r="307" spans="1:12" ht="21.75" customHeight="1" x14ac:dyDescent="0.2">
      <c r="A307" s="5">
        <v>306</v>
      </c>
      <c r="B307" s="6" t="s">
        <v>152</v>
      </c>
      <c r="C307" s="7" t="s">
        <v>786</v>
      </c>
      <c r="D307" s="7" t="s">
        <v>533</v>
      </c>
      <c r="E307" s="8" t="s">
        <v>804</v>
      </c>
      <c r="F307" s="9">
        <v>0</v>
      </c>
      <c r="G307" s="5" t="s">
        <v>692</v>
      </c>
      <c r="H307" s="7" t="s">
        <v>831</v>
      </c>
      <c r="I307" s="10">
        <v>1021005007077</v>
      </c>
      <c r="K307" s="12">
        <v>0</v>
      </c>
      <c r="L307" s="12">
        <v>0</v>
      </c>
    </row>
    <row r="308" spans="1:12" ht="21.75" customHeight="1" x14ac:dyDescent="0.2">
      <c r="A308" s="5">
        <v>307</v>
      </c>
      <c r="B308" s="6" t="s">
        <v>152</v>
      </c>
      <c r="C308" s="7" t="s">
        <v>786</v>
      </c>
      <c r="D308" s="7" t="s">
        <v>832</v>
      </c>
      <c r="E308" s="8" t="s">
        <v>833</v>
      </c>
      <c r="F308" s="9">
        <v>0</v>
      </c>
      <c r="G308" s="5" t="s">
        <v>692</v>
      </c>
      <c r="H308" s="7" t="s">
        <v>834</v>
      </c>
      <c r="I308" s="10">
        <v>6021005007080</v>
      </c>
      <c r="K308" s="12">
        <v>0</v>
      </c>
      <c r="L308" s="12">
        <v>0</v>
      </c>
    </row>
    <row r="309" spans="1:12" ht="21.75" customHeight="1" x14ac:dyDescent="0.2">
      <c r="A309" s="5">
        <v>308</v>
      </c>
      <c r="B309" s="6" t="s">
        <v>152</v>
      </c>
      <c r="C309" s="7" t="s">
        <v>786</v>
      </c>
      <c r="D309" s="7" t="s">
        <v>835</v>
      </c>
      <c r="E309" s="8" t="s">
        <v>791</v>
      </c>
      <c r="F309" s="9">
        <v>0</v>
      </c>
      <c r="G309" s="5" t="s">
        <v>692</v>
      </c>
      <c r="H309" s="7" t="s">
        <v>836</v>
      </c>
      <c r="I309" s="10">
        <v>1021005007110</v>
      </c>
      <c r="K309" s="12">
        <v>0</v>
      </c>
      <c r="L309" s="12">
        <v>0</v>
      </c>
    </row>
    <row r="310" spans="1:12" ht="21.75" customHeight="1" x14ac:dyDescent="0.2">
      <c r="A310" s="5">
        <v>309</v>
      </c>
      <c r="B310" s="6" t="s">
        <v>152</v>
      </c>
      <c r="C310" s="7" t="s">
        <v>153</v>
      </c>
      <c r="D310" s="7" t="s">
        <v>837</v>
      </c>
      <c r="E310" s="8" t="s">
        <v>838</v>
      </c>
      <c r="F310" s="9">
        <v>0</v>
      </c>
      <c r="G310" s="5" t="s">
        <v>692</v>
      </c>
      <c r="H310" s="7" t="s">
        <v>839</v>
      </c>
      <c r="I310" s="10">
        <v>7021005006940</v>
      </c>
      <c r="K310" s="12">
        <v>0</v>
      </c>
      <c r="L310" s="12">
        <v>0</v>
      </c>
    </row>
    <row r="311" spans="1:12" ht="21.75" customHeight="1" x14ac:dyDescent="0.2">
      <c r="A311" s="5">
        <v>310</v>
      </c>
      <c r="B311" s="6" t="s">
        <v>152</v>
      </c>
      <c r="C311" s="7" t="s">
        <v>153</v>
      </c>
      <c r="D311" s="7" t="s">
        <v>840</v>
      </c>
      <c r="E311" s="8" t="s">
        <v>841</v>
      </c>
      <c r="F311" s="9">
        <v>0</v>
      </c>
      <c r="G311" s="5" t="s">
        <v>692</v>
      </c>
      <c r="H311" s="7" t="s">
        <v>842</v>
      </c>
      <c r="I311" s="10">
        <v>1021005006979</v>
      </c>
      <c r="K311" s="12">
        <v>0</v>
      </c>
      <c r="L311" s="12">
        <v>0</v>
      </c>
    </row>
    <row r="312" spans="1:12" ht="21.75" customHeight="1" x14ac:dyDescent="0.2">
      <c r="A312" s="5">
        <v>311</v>
      </c>
      <c r="B312" s="6" t="s">
        <v>152</v>
      </c>
      <c r="C312" s="7" t="s">
        <v>153</v>
      </c>
      <c r="D312" s="7" t="s">
        <v>508</v>
      </c>
      <c r="E312" s="8" t="s">
        <v>841</v>
      </c>
      <c r="F312" s="9">
        <v>0</v>
      </c>
      <c r="G312" s="5" t="s">
        <v>692</v>
      </c>
      <c r="H312" s="7" t="s">
        <v>843</v>
      </c>
      <c r="I312" s="10">
        <v>6021005006982</v>
      </c>
      <c r="K312" s="12">
        <v>0</v>
      </c>
      <c r="L312" s="12">
        <v>0</v>
      </c>
    </row>
    <row r="313" spans="1:12" ht="21.75" customHeight="1" x14ac:dyDescent="0.2">
      <c r="A313" s="5">
        <v>312</v>
      </c>
      <c r="B313" s="6" t="s">
        <v>152</v>
      </c>
      <c r="C313" s="7" t="s">
        <v>153</v>
      </c>
      <c r="D313" s="7" t="s">
        <v>844</v>
      </c>
      <c r="E313" s="8" t="s">
        <v>845</v>
      </c>
      <c r="F313" s="9">
        <v>0</v>
      </c>
      <c r="G313" s="5" t="s">
        <v>692</v>
      </c>
      <c r="H313" s="7" t="s">
        <v>846</v>
      </c>
      <c r="I313" s="10">
        <v>9021005006996</v>
      </c>
      <c r="K313" s="12">
        <v>0</v>
      </c>
      <c r="L313" s="12">
        <v>0</v>
      </c>
    </row>
    <row r="314" spans="1:12" ht="21.75" customHeight="1" x14ac:dyDescent="0.2">
      <c r="A314" s="5">
        <v>313</v>
      </c>
      <c r="B314" s="6" t="s">
        <v>152</v>
      </c>
      <c r="C314" s="7" t="s">
        <v>153</v>
      </c>
      <c r="D314" s="7" t="s">
        <v>847</v>
      </c>
      <c r="E314" s="8" t="s">
        <v>848</v>
      </c>
      <c r="F314" s="9">
        <v>0</v>
      </c>
      <c r="G314" s="5" t="s">
        <v>692</v>
      </c>
      <c r="H314" s="7" t="s">
        <v>849</v>
      </c>
      <c r="I314" s="10">
        <v>2021005007027</v>
      </c>
      <c r="K314" s="12">
        <v>0</v>
      </c>
      <c r="L314" s="12">
        <v>0</v>
      </c>
    </row>
    <row r="315" spans="1:12" ht="21.75" customHeight="1" x14ac:dyDescent="0.2">
      <c r="A315" s="5">
        <v>314</v>
      </c>
      <c r="B315" s="6" t="s">
        <v>152</v>
      </c>
      <c r="C315" s="7" t="s">
        <v>153</v>
      </c>
      <c r="D315" s="7" t="s">
        <v>850</v>
      </c>
      <c r="E315" s="8" t="s">
        <v>841</v>
      </c>
      <c r="F315" s="9">
        <v>0</v>
      </c>
      <c r="G315" s="5" t="s">
        <v>692</v>
      </c>
      <c r="H315" s="7" t="s">
        <v>851</v>
      </c>
      <c r="I315" s="10">
        <v>6021005007130</v>
      </c>
      <c r="K315" s="12">
        <v>0</v>
      </c>
      <c r="L315" s="12">
        <v>0</v>
      </c>
    </row>
    <row r="316" spans="1:12" ht="21.75" customHeight="1" x14ac:dyDescent="0.2">
      <c r="A316" s="5">
        <v>315</v>
      </c>
      <c r="B316" s="6" t="s">
        <v>152</v>
      </c>
      <c r="C316" s="7" t="s">
        <v>153</v>
      </c>
      <c r="D316" s="7" t="s">
        <v>852</v>
      </c>
      <c r="E316" s="8" t="s">
        <v>853</v>
      </c>
      <c r="F316" s="9">
        <v>0</v>
      </c>
      <c r="G316" s="5" t="s">
        <v>692</v>
      </c>
      <c r="H316" s="7" t="s">
        <v>854</v>
      </c>
      <c r="I316" s="10">
        <v>8021005007153</v>
      </c>
      <c r="K316" s="12">
        <v>0</v>
      </c>
      <c r="L316" s="12">
        <v>0</v>
      </c>
    </row>
    <row r="317" spans="1:12" ht="21.75" customHeight="1" x14ac:dyDescent="0.2">
      <c r="A317" s="5">
        <v>316</v>
      </c>
      <c r="B317" s="6" t="s">
        <v>152</v>
      </c>
      <c r="C317" s="7" t="s">
        <v>153</v>
      </c>
      <c r="D317" s="7" t="s">
        <v>855</v>
      </c>
      <c r="E317" s="8" t="s">
        <v>856</v>
      </c>
      <c r="F317" s="9">
        <v>0</v>
      </c>
      <c r="G317" s="5" t="s">
        <v>692</v>
      </c>
      <c r="H317" s="7" t="s">
        <v>857</v>
      </c>
      <c r="I317" s="10">
        <v>4021005007099</v>
      </c>
      <c r="K317" s="12">
        <v>0</v>
      </c>
      <c r="L317" s="12">
        <v>0</v>
      </c>
    </row>
    <row r="318" spans="1:12" ht="21.75" customHeight="1" x14ac:dyDescent="0.2">
      <c r="A318" s="5">
        <v>317</v>
      </c>
      <c r="B318" s="6" t="s">
        <v>152</v>
      </c>
      <c r="C318" s="7" t="s">
        <v>153</v>
      </c>
      <c r="D318" s="7" t="s">
        <v>858</v>
      </c>
      <c r="E318" s="8" t="s">
        <v>859</v>
      </c>
      <c r="F318" s="9">
        <v>0</v>
      </c>
      <c r="G318" s="5" t="s">
        <v>692</v>
      </c>
      <c r="H318" s="7" t="s">
        <v>860</v>
      </c>
      <c r="I318" s="10">
        <v>3021005007117</v>
      </c>
      <c r="K318" s="12">
        <v>0</v>
      </c>
      <c r="L318" s="12">
        <v>0</v>
      </c>
    </row>
    <row r="319" spans="1:12" ht="21.75" customHeight="1" x14ac:dyDescent="0.2">
      <c r="A319" s="5">
        <v>318</v>
      </c>
      <c r="B319" s="6" t="s">
        <v>152</v>
      </c>
      <c r="C319" s="7" t="s">
        <v>861</v>
      </c>
      <c r="D319" s="7" t="s">
        <v>862</v>
      </c>
      <c r="E319" s="8" t="s">
        <v>863</v>
      </c>
      <c r="F319" s="9">
        <v>0</v>
      </c>
      <c r="G319" s="5" t="s">
        <v>692</v>
      </c>
      <c r="H319" s="7" t="s">
        <v>864</v>
      </c>
      <c r="I319" s="10">
        <v>8021005007021</v>
      </c>
      <c r="K319" s="12">
        <v>0</v>
      </c>
      <c r="L319" s="12">
        <v>0</v>
      </c>
    </row>
    <row r="320" spans="1:12" ht="21.75" customHeight="1" x14ac:dyDescent="0.2">
      <c r="A320" s="5">
        <v>319</v>
      </c>
      <c r="B320" s="6" t="s">
        <v>152</v>
      </c>
      <c r="C320" s="7" t="s">
        <v>861</v>
      </c>
      <c r="D320" s="7" t="s">
        <v>865</v>
      </c>
      <c r="E320" s="8" t="s">
        <v>866</v>
      </c>
      <c r="F320" s="9">
        <v>0</v>
      </c>
      <c r="G320" s="5" t="s">
        <v>692</v>
      </c>
      <c r="H320" s="7" t="s">
        <v>867</v>
      </c>
      <c r="I320" s="10">
        <v>4021005007173</v>
      </c>
      <c r="K320" s="12">
        <v>0</v>
      </c>
      <c r="L320" s="12">
        <v>0</v>
      </c>
    </row>
    <row r="321" spans="1:12" ht="21.75" customHeight="1" x14ac:dyDescent="0.2">
      <c r="A321" s="5">
        <v>320</v>
      </c>
      <c r="B321" s="6" t="s">
        <v>152</v>
      </c>
      <c r="C321" s="7" t="s">
        <v>861</v>
      </c>
      <c r="D321" s="7" t="s">
        <v>868</v>
      </c>
      <c r="E321" s="8" t="s">
        <v>869</v>
      </c>
      <c r="F321" s="9">
        <v>0</v>
      </c>
      <c r="G321" s="5" t="s">
        <v>692</v>
      </c>
      <c r="H321" s="7" t="s">
        <v>870</v>
      </c>
      <c r="I321" s="10">
        <v>1021005007143</v>
      </c>
      <c r="K321" s="12">
        <v>0</v>
      </c>
      <c r="L321" s="12">
        <v>0</v>
      </c>
    </row>
    <row r="322" spans="1:12" ht="21.75" customHeight="1" x14ac:dyDescent="0.2">
      <c r="A322" s="5">
        <v>321</v>
      </c>
      <c r="B322" s="6" t="s">
        <v>152</v>
      </c>
      <c r="C322" s="7" t="s">
        <v>871</v>
      </c>
      <c r="D322" s="7" t="s">
        <v>872</v>
      </c>
      <c r="E322" s="8" t="s">
        <v>873</v>
      </c>
      <c r="F322" s="9">
        <v>0</v>
      </c>
      <c r="G322" s="5" t="s">
        <v>692</v>
      </c>
      <c r="H322" s="7" t="s">
        <v>874</v>
      </c>
      <c r="I322" s="10">
        <v>1021005006921</v>
      </c>
      <c r="K322" s="12">
        <v>0</v>
      </c>
      <c r="L322" s="12">
        <v>0</v>
      </c>
    </row>
    <row r="323" spans="1:12" ht="21.75" customHeight="1" x14ac:dyDescent="0.2">
      <c r="A323" s="5">
        <v>322</v>
      </c>
      <c r="B323" s="6" t="s">
        <v>152</v>
      </c>
      <c r="C323" s="7" t="s">
        <v>871</v>
      </c>
      <c r="D323" s="7" t="s">
        <v>875</v>
      </c>
      <c r="E323" s="8" t="s">
        <v>876</v>
      </c>
      <c r="F323" s="9">
        <v>0</v>
      </c>
      <c r="G323" s="5" t="s">
        <v>692</v>
      </c>
      <c r="H323" s="7" t="s">
        <v>877</v>
      </c>
      <c r="I323" s="10">
        <v>2021005006945</v>
      </c>
      <c r="K323" s="12">
        <v>0</v>
      </c>
      <c r="L323" s="12">
        <v>0</v>
      </c>
    </row>
    <row r="324" spans="1:12" ht="21.75" customHeight="1" x14ac:dyDescent="0.2">
      <c r="A324" s="5">
        <v>323</v>
      </c>
      <c r="B324" s="6" t="s">
        <v>152</v>
      </c>
      <c r="C324" s="7" t="s">
        <v>871</v>
      </c>
      <c r="D324" s="7" t="s">
        <v>878</v>
      </c>
      <c r="E324" s="8" t="s">
        <v>873</v>
      </c>
      <c r="F324" s="9">
        <v>0</v>
      </c>
      <c r="G324" s="5" t="s">
        <v>692</v>
      </c>
      <c r="H324" s="7" t="s">
        <v>879</v>
      </c>
      <c r="I324" s="10">
        <v>8021005007145</v>
      </c>
      <c r="K324" s="12">
        <v>0</v>
      </c>
      <c r="L324" s="12">
        <v>0</v>
      </c>
    </row>
    <row r="325" spans="1:12" ht="21.75" customHeight="1" x14ac:dyDescent="0.2">
      <c r="A325" s="5">
        <v>324</v>
      </c>
      <c r="B325" s="6" t="s">
        <v>152</v>
      </c>
      <c r="C325" s="7" t="s">
        <v>871</v>
      </c>
      <c r="D325" s="7" t="s">
        <v>880</v>
      </c>
      <c r="E325" s="8" t="s">
        <v>881</v>
      </c>
      <c r="F325" s="9">
        <v>0</v>
      </c>
      <c r="G325" s="5" t="s">
        <v>692</v>
      </c>
      <c r="H325" s="7" t="s">
        <v>882</v>
      </c>
      <c r="I325" s="10">
        <v>1021005007151</v>
      </c>
      <c r="K325" s="12">
        <v>0</v>
      </c>
      <c r="L325" s="12">
        <v>0</v>
      </c>
    </row>
    <row r="326" spans="1:12" ht="21.75" customHeight="1" x14ac:dyDescent="0.2">
      <c r="A326" s="5">
        <v>325</v>
      </c>
      <c r="B326" s="6" t="s">
        <v>152</v>
      </c>
      <c r="C326" s="7" t="s">
        <v>883</v>
      </c>
      <c r="D326" s="7" t="s">
        <v>884</v>
      </c>
      <c r="E326" s="8" t="s">
        <v>885</v>
      </c>
      <c r="F326" s="9">
        <v>0</v>
      </c>
      <c r="G326" s="5" t="s">
        <v>692</v>
      </c>
      <c r="H326" s="7" t="s">
        <v>886</v>
      </c>
      <c r="I326" s="10">
        <v>6021005006941</v>
      </c>
      <c r="K326" s="12">
        <v>0</v>
      </c>
      <c r="L326" s="12">
        <v>0</v>
      </c>
    </row>
    <row r="327" spans="1:12" ht="21.75" customHeight="1" x14ac:dyDescent="0.2">
      <c r="A327" s="5">
        <v>326</v>
      </c>
      <c r="B327" s="6" t="s">
        <v>152</v>
      </c>
      <c r="C327" s="7" t="s">
        <v>883</v>
      </c>
      <c r="D327" s="7" t="s">
        <v>883</v>
      </c>
      <c r="E327" s="8" t="s">
        <v>885</v>
      </c>
      <c r="F327" s="9">
        <v>0</v>
      </c>
      <c r="G327" s="5" t="s">
        <v>692</v>
      </c>
      <c r="H327" s="7" t="s">
        <v>886</v>
      </c>
      <c r="I327" s="10">
        <v>2021005006953</v>
      </c>
      <c r="K327" s="12">
        <v>0</v>
      </c>
      <c r="L327" s="12">
        <v>0</v>
      </c>
    </row>
    <row r="328" spans="1:12" ht="21.75" customHeight="1" x14ac:dyDescent="0.2">
      <c r="A328" s="5">
        <v>327</v>
      </c>
      <c r="B328" s="6" t="s">
        <v>152</v>
      </c>
      <c r="C328" s="7" t="s">
        <v>883</v>
      </c>
      <c r="D328" s="7" t="s">
        <v>887</v>
      </c>
      <c r="E328" s="8" t="s">
        <v>885</v>
      </c>
      <c r="F328" s="9">
        <v>0</v>
      </c>
      <c r="G328" s="5" t="s">
        <v>692</v>
      </c>
      <c r="H328" s="7" t="s">
        <v>888</v>
      </c>
      <c r="I328" s="10">
        <v>9021005007012</v>
      </c>
      <c r="J328" s="11" t="s">
        <v>2931</v>
      </c>
      <c r="K328" s="12" t="s">
        <v>889</v>
      </c>
      <c r="L328" s="12">
        <v>0</v>
      </c>
    </row>
    <row r="329" spans="1:12" ht="21.75" customHeight="1" x14ac:dyDescent="0.2">
      <c r="A329" s="5">
        <v>328</v>
      </c>
      <c r="B329" s="6" t="s">
        <v>152</v>
      </c>
      <c r="C329" s="7" t="s">
        <v>172</v>
      </c>
      <c r="D329" s="7" t="s">
        <v>890</v>
      </c>
      <c r="E329" s="8" t="s">
        <v>891</v>
      </c>
      <c r="F329" s="9">
        <v>0</v>
      </c>
      <c r="G329" s="5" t="s">
        <v>692</v>
      </c>
      <c r="H329" s="7" t="s">
        <v>892</v>
      </c>
      <c r="I329" s="10">
        <v>6021005006891</v>
      </c>
      <c r="J329" s="11" t="s">
        <v>2931</v>
      </c>
      <c r="K329" s="12" t="s">
        <v>893</v>
      </c>
      <c r="L329" s="12">
        <v>0</v>
      </c>
    </row>
    <row r="330" spans="1:12" ht="21.75" customHeight="1" x14ac:dyDescent="0.2">
      <c r="A330" s="5">
        <v>329</v>
      </c>
      <c r="B330" s="6" t="s">
        <v>152</v>
      </c>
      <c r="C330" s="7" t="s">
        <v>172</v>
      </c>
      <c r="D330" s="7" t="s">
        <v>894</v>
      </c>
      <c r="E330" s="8" t="s">
        <v>895</v>
      </c>
      <c r="F330" s="9">
        <v>0</v>
      </c>
      <c r="G330" s="5" t="s">
        <v>692</v>
      </c>
      <c r="H330" s="7" t="s">
        <v>896</v>
      </c>
      <c r="I330" s="10">
        <v>3021005006911</v>
      </c>
      <c r="K330" s="12">
        <v>0</v>
      </c>
      <c r="L330" s="12">
        <v>0</v>
      </c>
    </row>
    <row r="331" spans="1:12" ht="21.75" customHeight="1" x14ac:dyDescent="0.2">
      <c r="A331" s="5">
        <v>330</v>
      </c>
      <c r="B331" s="6" t="s">
        <v>152</v>
      </c>
      <c r="C331" s="7" t="s">
        <v>172</v>
      </c>
      <c r="D331" s="7" t="s">
        <v>897</v>
      </c>
      <c r="E331" s="8" t="s">
        <v>898</v>
      </c>
      <c r="F331" s="9">
        <v>0</v>
      </c>
      <c r="G331" s="5" t="s">
        <v>692</v>
      </c>
      <c r="H331" s="7" t="s">
        <v>899</v>
      </c>
      <c r="I331" s="10">
        <v>7021005006916</v>
      </c>
      <c r="K331" s="12">
        <v>0</v>
      </c>
      <c r="L331" s="12">
        <v>0</v>
      </c>
    </row>
    <row r="332" spans="1:12" ht="21.75" customHeight="1" x14ac:dyDescent="0.2">
      <c r="A332" s="5">
        <v>331</v>
      </c>
      <c r="B332" s="6" t="s">
        <v>152</v>
      </c>
      <c r="C332" s="7" t="s">
        <v>172</v>
      </c>
      <c r="D332" s="7" t="s">
        <v>900</v>
      </c>
      <c r="E332" s="8" t="s">
        <v>901</v>
      </c>
      <c r="F332" s="9">
        <v>0</v>
      </c>
      <c r="G332" s="5" t="s">
        <v>692</v>
      </c>
      <c r="H332" s="7" t="s">
        <v>902</v>
      </c>
      <c r="I332" s="10">
        <v>7021005006973</v>
      </c>
      <c r="K332" s="12">
        <v>0</v>
      </c>
      <c r="L332" s="12">
        <v>0</v>
      </c>
    </row>
    <row r="333" spans="1:12" ht="21.75" customHeight="1" x14ac:dyDescent="0.2">
      <c r="A333" s="5">
        <v>332</v>
      </c>
      <c r="B333" s="6" t="s">
        <v>152</v>
      </c>
      <c r="C333" s="7" t="s">
        <v>172</v>
      </c>
      <c r="D333" s="7" t="s">
        <v>903</v>
      </c>
      <c r="E333" s="8" t="s">
        <v>904</v>
      </c>
      <c r="F333" s="9">
        <v>0</v>
      </c>
      <c r="G333" s="5" t="s">
        <v>692</v>
      </c>
      <c r="H333" s="7" t="s">
        <v>905</v>
      </c>
      <c r="I333" s="10">
        <v>8021005006972</v>
      </c>
      <c r="K333" s="12">
        <v>0</v>
      </c>
      <c r="L333" s="12">
        <v>0</v>
      </c>
    </row>
    <row r="334" spans="1:12" ht="21.75" customHeight="1" x14ac:dyDescent="0.2">
      <c r="A334" s="5">
        <v>333</v>
      </c>
      <c r="B334" s="6" t="s">
        <v>152</v>
      </c>
      <c r="C334" s="7" t="s">
        <v>172</v>
      </c>
      <c r="D334" s="7" t="s">
        <v>906</v>
      </c>
      <c r="E334" s="8" t="s">
        <v>907</v>
      </c>
      <c r="F334" s="9">
        <v>0</v>
      </c>
      <c r="G334" s="5" t="s">
        <v>692</v>
      </c>
      <c r="H334" s="7" t="s">
        <v>908</v>
      </c>
      <c r="I334" s="10">
        <v>2021005006994</v>
      </c>
      <c r="K334" s="12">
        <v>0</v>
      </c>
      <c r="L334" s="12">
        <v>0</v>
      </c>
    </row>
    <row r="335" spans="1:12" ht="21.75" customHeight="1" x14ac:dyDescent="0.2">
      <c r="A335" s="5">
        <v>334</v>
      </c>
      <c r="B335" s="6" t="s">
        <v>152</v>
      </c>
      <c r="C335" s="7" t="s">
        <v>172</v>
      </c>
      <c r="D335" s="7" t="s">
        <v>909</v>
      </c>
      <c r="E335" s="8" t="s">
        <v>910</v>
      </c>
      <c r="F335" s="9">
        <v>0</v>
      </c>
      <c r="G335" s="5" t="s">
        <v>692</v>
      </c>
      <c r="H335" s="7" t="s">
        <v>911</v>
      </c>
      <c r="I335" s="10">
        <v>6021005006990</v>
      </c>
      <c r="K335" s="12">
        <v>0</v>
      </c>
      <c r="L335" s="12">
        <v>0</v>
      </c>
    </row>
    <row r="336" spans="1:12" ht="21.75" customHeight="1" x14ac:dyDescent="0.2">
      <c r="A336" s="5">
        <v>335</v>
      </c>
      <c r="B336" s="6" t="s">
        <v>152</v>
      </c>
      <c r="C336" s="7" t="s">
        <v>172</v>
      </c>
      <c r="D336" s="7" t="s">
        <v>912</v>
      </c>
      <c r="E336" s="8" t="s">
        <v>910</v>
      </c>
      <c r="F336" s="9">
        <v>0</v>
      </c>
      <c r="G336" s="5" t="s">
        <v>692</v>
      </c>
      <c r="H336" s="7" t="s">
        <v>913</v>
      </c>
      <c r="I336" s="10">
        <v>6021005007007</v>
      </c>
      <c r="K336" s="12">
        <v>0</v>
      </c>
      <c r="L336" s="12">
        <v>0</v>
      </c>
    </row>
    <row r="337" spans="1:12" ht="21.75" customHeight="1" x14ac:dyDescent="0.2">
      <c r="A337" s="5">
        <v>336</v>
      </c>
      <c r="B337" s="6" t="s">
        <v>152</v>
      </c>
      <c r="C337" s="7" t="s">
        <v>172</v>
      </c>
      <c r="D337" s="7" t="s">
        <v>383</v>
      </c>
      <c r="E337" s="8" t="s">
        <v>914</v>
      </c>
      <c r="F337" s="9">
        <v>0</v>
      </c>
      <c r="G337" s="5" t="s">
        <v>692</v>
      </c>
      <c r="H337" s="7" t="s">
        <v>915</v>
      </c>
      <c r="I337" s="10">
        <v>7021005007014</v>
      </c>
      <c r="K337" s="12">
        <v>0</v>
      </c>
      <c r="L337" s="12">
        <v>0</v>
      </c>
    </row>
    <row r="338" spans="1:12" ht="21.75" customHeight="1" x14ac:dyDescent="0.2">
      <c r="A338" s="5">
        <v>337</v>
      </c>
      <c r="B338" s="6" t="s">
        <v>152</v>
      </c>
      <c r="C338" s="7" t="s">
        <v>172</v>
      </c>
      <c r="D338" s="7" t="s">
        <v>916</v>
      </c>
      <c r="E338" s="8" t="s">
        <v>917</v>
      </c>
      <c r="F338" s="9">
        <v>0</v>
      </c>
      <c r="G338" s="5" t="s">
        <v>692</v>
      </c>
      <c r="H338" s="7" t="s">
        <v>918</v>
      </c>
      <c r="I338" s="10">
        <v>6021005007015</v>
      </c>
      <c r="K338" s="12">
        <v>0</v>
      </c>
      <c r="L338" s="12">
        <v>0</v>
      </c>
    </row>
    <row r="339" spans="1:12" ht="21.75" customHeight="1" x14ac:dyDescent="0.2">
      <c r="A339" s="5">
        <v>338</v>
      </c>
      <c r="B339" s="6" t="s">
        <v>152</v>
      </c>
      <c r="C339" s="7" t="s">
        <v>172</v>
      </c>
      <c r="D339" s="7" t="s">
        <v>241</v>
      </c>
      <c r="E339" s="8" t="s">
        <v>919</v>
      </c>
      <c r="F339" s="9">
        <v>0</v>
      </c>
      <c r="G339" s="5" t="s">
        <v>692</v>
      </c>
      <c r="H339" s="7" t="s">
        <v>920</v>
      </c>
      <c r="I339" s="10">
        <v>5021005007024</v>
      </c>
      <c r="K339" s="12">
        <v>0</v>
      </c>
      <c r="L339" s="12">
        <v>0</v>
      </c>
    </row>
    <row r="340" spans="1:12" ht="21.75" customHeight="1" x14ac:dyDescent="0.2">
      <c r="A340" s="5">
        <v>339</v>
      </c>
      <c r="B340" s="6" t="s">
        <v>152</v>
      </c>
      <c r="C340" s="7" t="s">
        <v>172</v>
      </c>
      <c r="D340" s="7" t="s">
        <v>921</v>
      </c>
      <c r="E340" s="8" t="s">
        <v>914</v>
      </c>
      <c r="F340" s="9">
        <v>0</v>
      </c>
      <c r="G340" s="5" t="s">
        <v>692</v>
      </c>
      <c r="H340" s="7" t="s">
        <v>922</v>
      </c>
      <c r="I340" s="10">
        <v>9021005007152</v>
      </c>
      <c r="K340" s="12">
        <v>0</v>
      </c>
      <c r="L340" s="12">
        <v>0</v>
      </c>
    </row>
    <row r="341" spans="1:12" ht="21.75" customHeight="1" x14ac:dyDescent="0.2">
      <c r="A341" s="5">
        <v>340</v>
      </c>
      <c r="B341" s="6" t="s">
        <v>152</v>
      </c>
      <c r="C341" s="7" t="s">
        <v>172</v>
      </c>
      <c r="D341" s="7" t="s">
        <v>923</v>
      </c>
      <c r="E341" s="8" t="s">
        <v>924</v>
      </c>
      <c r="F341" s="9">
        <v>0</v>
      </c>
      <c r="G341" s="5" t="s">
        <v>692</v>
      </c>
      <c r="H341" s="7" t="s">
        <v>925</v>
      </c>
      <c r="I341" s="10">
        <v>6021005007089</v>
      </c>
      <c r="K341" s="12">
        <v>0</v>
      </c>
      <c r="L341" s="12">
        <v>0</v>
      </c>
    </row>
    <row r="342" spans="1:12" ht="21.75" customHeight="1" x14ac:dyDescent="0.2">
      <c r="A342" s="5">
        <v>341</v>
      </c>
      <c r="B342" s="6" t="s">
        <v>152</v>
      </c>
      <c r="C342" s="7" t="s">
        <v>172</v>
      </c>
      <c r="D342" s="7" t="s">
        <v>926</v>
      </c>
      <c r="E342" s="8" t="s">
        <v>927</v>
      </c>
      <c r="F342" s="9">
        <v>0</v>
      </c>
      <c r="G342" s="5" t="s">
        <v>692</v>
      </c>
      <c r="H342" s="7" t="s">
        <v>928</v>
      </c>
      <c r="I342" s="10">
        <v>1021005007119</v>
      </c>
      <c r="K342" s="12">
        <v>0</v>
      </c>
      <c r="L342" s="12">
        <v>0</v>
      </c>
    </row>
    <row r="343" spans="1:12" ht="21.75" customHeight="1" x14ac:dyDescent="0.2">
      <c r="A343" s="5">
        <v>342</v>
      </c>
      <c r="B343" s="6" t="s">
        <v>152</v>
      </c>
      <c r="C343" s="7" t="s">
        <v>315</v>
      </c>
      <c r="D343" s="7" t="s">
        <v>929</v>
      </c>
      <c r="E343" s="8" t="s">
        <v>930</v>
      </c>
      <c r="F343" s="9">
        <v>0</v>
      </c>
      <c r="G343" s="5" t="s">
        <v>692</v>
      </c>
      <c r="H343" s="7" t="s">
        <v>931</v>
      </c>
      <c r="I343" s="10">
        <v>4021005009764</v>
      </c>
      <c r="K343" s="12">
        <v>0</v>
      </c>
      <c r="L343" s="12">
        <v>0</v>
      </c>
    </row>
    <row r="344" spans="1:12" ht="21.75" customHeight="1" x14ac:dyDescent="0.2">
      <c r="A344" s="5">
        <v>343</v>
      </c>
      <c r="B344" s="6" t="s">
        <v>152</v>
      </c>
      <c r="C344" s="7" t="s">
        <v>315</v>
      </c>
      <c r="D344" s="7" t="s">
        <v>932</v>
      </c>
      <c r="E344" s="8" t="s">
        <v>933</v>
      </c>
      <c r="F344" s="9">
        <v>0</v>
      </c>
      <c r="G344" s="5" t="s">
        <v>692</v>
      </c>
      <c r="H344" s="7" t="s">
        <v>934</v>
      </c>
      <c r="I344" s="10">
        <v>2021005006961</v>
      </c>
      <c r="K344" s="12">
        <v>0</v>
      </c>
      <c r="L344" s="12">
        <v>0</v>
      </c>
    </row>
    <row r="345" spans="1:12" ht="21.75" customHeight="1" x14ac:dyDescent="0.2">
      <c r="A345" s="5">
        <v>344</v>
      </c>
      <c r="B345" s="6" t="s">
        <v>152</v>
      </c>
      <c r="C345" s="7" t="s">
        <v>337</v>
      </c>
      <c r="D345" s="7" t="s">
        <v>935</v>
      </c>
      <c r="E345" s="8" t="s">
        <v>936</v>
      </c>
      <c r="F345" s="9">
        <v>0</v>
      </c>
      <c r="G345" s="5" t="s">
        <v>692</v>
      </c>
      <c r="H345" s="7" t="s">
        <v>937</v>
      </c>
      <c r="I345" s="10">
        <v>5021005006926</v>
      </c>
      <c r="K345" s="12">
        <v>0</v>
      </c>
      <c r="L345" s="12">
        <v>0</v>
      </c>
    </row>
    <row r="346" spans="1:12" ht="21.75" customHeight="1" x14ac:dyDescent="0.2">
      <c r="A346" s="5">
        <v>345</v>
      </c>
      <c r="B346" s="6" t="s">
        <v>152</v>
      </c>
      <c r="C346" s="7" t="s">
        <v>341</v>
      </c>
      <c r="D346" s="7" t="s">
        <v>938</v>
      </c>
      <c r="E346" s="8" t="s">
        <v>939</v>
      </c>
      <c r="F346" s="9">
        <v>0</v>
      </c>
      <c r="G346" s="5" t="s">
        <v>692</v>
      </c>
      <c r="H346" s="7" t="s">
        <v>940</v>
      </c>
      <c r="I346" s="10">
        <v>1021005006938</v>
      </c>
      <c r="K346" s="12">
        <v>0</v>
      </c>
      <c r="L346" s="12">
        <v>0</v>
      </c>
    </row>
    <row r="347" spans="1:12" ht="21.75" customHeight="1" x14ac:dyDescent="0.2">
      <c r="A347" s="5">
        <v>346</v>
      </c>
      <c r="B347" s="6" t="s">
        <v>152</v>
      </c>
      <c r="C347" s="7" t="s">
        <v>341</v>
      </c>
      <c r="D347" s="7" t="s">
        <v>941</v>
      </c>
      <c r="E347" s="8" t="s">
        <v>942</v>
      </c>
      <c r="F347" s="9">
        <v>0</v>
      </c>
      <c r="G347" s="5" t="s">
        <v>692</v>
      </c>
      <c r="H347" s="7" t="s">
        <v>943</v>
      </c>
      <c r="I347" s="10">
        <v>3021005007001</v>
      </c>
      <c r="K347" s="12">
        <v>0</v>
      </c>
      <c r="L347" s="12">
        <v>0</v>
      </c>
    </row>
    <row r="348" spans="1:12" ht="21.75" customHeight="1" x14ac:dyDescent="0.2">
      <c r="A348" s="5">
        <v>347</v>
      </c>
      <c r="B348" s="6" t="s">
        <v>152</v>
      </c>
      <c r="C348" s="7" t="s">
        <v>341</v>
      </c>
      <c r="D348" s="7" t="s">
        <v>944</v>
      </c>
      <c r="E348" s="8" t="s">
        <v>945</v>
      </c>
      <c r="F348" s="9">
        <v>0</v>
      </c>
      <c r="G348" s="5" t="s">
        <v>692</v>
      </c>
      <c r="H348" s="7" t="s">
        <v>946</v>
      </c>
      <c r="I348" s="10">
        <v>6021005006974</v>
      </c>
      <c r="K348" s="12">
        <v>0</v>
      </c>
      <c r="L348" s="12">
        <v>0</v>
      </c>
    </row>
    <row r="349" spans="1:12" ht="21.75" customHeight="1" x14ac:dyDescent="0.2">
      <c r="A349" s="5">
        <v>348</v>
      </c>
      <c r="B349" s="6" t="s">
        <v>152</v>
      </c>
      <c r="C349" s="7" t="s">
        <v>341</v>
      </c>
      <c r="D349" s="7" t="s">
        <v>367</v>
      </c>
      <c r="E349" s="8" t="s">
        <v>947</v>
      </c>
      <c r="F349" s="9">
        <v>0</v>
      </c>
      <c r="G349" s="5" t="s">
        <v>692</v>
      </c>
      <c r="H349" s="7" t="s">
        <v>948</v>
      </c>
      <c r="I349" s="10">
        <v>7021005006998</v>
      </c>
      <c r="K349" s="12">
        <v>0</v>
      </c>
      <c r="L349" s="12">
        <v>0</v>
      </c>
    </row>
    <row r="350" spans="1:12" ht="21.75" customHeight="1" x14ac:dyDescent="0.2">
      <c r="A350" s="5">
        <v>349</v>
      </c>
      <c r="B350" s="6" t="s">
        <v>152</v>
      </c>
      <c r="C350" s="7" t="s">
        <v>341</v>
      </c>
      <c r="D350" s="7" t="s">
        <v>949</v>
      </c>
      <c r="E350" s="8" t="s">
        <v>945</v>
      </c>
      <c r="F350" s="9">
        <v>0</v>
      </c>
      <c r="G350" s="5" t="s">
        <v>692</v>
      </c>
      <c r="H350" s="7" t="s">
        <v>950</v>
      </c>
      <c r="I350" s="10">
        <v>8021005007079</v>
      </c>
      <c r="K350" s="12">
        <v>0</v>
      </c>
      <c r="L350" s="12">
        <v>0</v>
      </c>
    </row>
    <row r="351" spans="1:12" ht="21.75" customHeight="1" x14ac:dyDescent="0.2">
      <c r="A351" s="5">
        <v>350</v>
      </c>
      <c r="B351" s="6" t="s">
        <v>152</v>
      </c>
      <c r="C351" s="7" t="s">
        <v>951</v>
      </c>
      <c r="D351" s="7" t="s">
        <v>952</v>
      </c>
      <c r="E351" s="8" t="s">
        <v>953</v>
      </c>
      <c r="F351" s="9">
        <v>0</v>
      </c>
      <c r="G351" s="5" t="s">
        <v>692</v>
      </c>
      <c r="H351" s="7" t="s">
        <v>954</v>
      </c>
      <c r="I351" s="10">
        <v>3021005006977</v>
      </c>
      <c r="K351" s="12">
        <v>0</v>
      </c>
      <c r="L351" s="12">
        <v>0</v>
      </c>
    </row>
    <row r="352" spans="1:12" ht="21.75" customHeight="1" x14ac:dyDescent="0.2">
      <c r="A352" s="5">
        <v>351</v>
      </c>
      <c r="B352" s="6" t="s">
        <v>152</v>
      </c>
      <c r="C352" s="7" t="s">
        <v>376</v>
      </c>
      <c r="D352" s="7" t="s">
        <v>955</v>
      </c>
      <c r="E352" s="8" t="s">
        <v>956</v>
      </c>
      <c r="F352" s="9">
        <v>0</v>
      </c>
      <c r="G352" s="5" t="s">
        <v>692</v>
      </c>
      <c r="H352" s="7" t="s">
        <v>957</v>
      </c>
      <c r="I352" s="10">
        <v>6021005006900</v>
      </c>
      <c r="K352" s="12">
        <v>0</v>
      </c>
      <c r="L352" s="12">
        <v>0</v>
      </c>
    </row>
    <row r="353" spans="1:12" ht="21.75" customHeight="1" x14ac:dyDescent="0.2">
      <c r="A353" s="5">
        <v>352</v>
      </c>
      <c r="B353" s="6" t="s">
        <v>152</v>
      </c>
      <c r="C353" s="7" t="s">
        <v>376</v>
      </c>
      <c r="D353" s="7" t="s">
        <v>958</v>
      </c>
      <c r="E353" s="8" t="s">
        <v>959</v>
      </c>
      <c r="F353" s="9">
        <v>0</v>
      </c>
      <c r="G353" s="5" t="s">
        <v>692</v>
      </c>
      <c r="H353" s="7" t="s">
        <v>960</v>
      </c>
      <c r="I353" s="10">
        <v>3021005006928</v>
      </c>
      <c r="K353" s="12">
        <v>0</v>
      </c>
      <c r="L353" s="12">
        <v>0</v>
      </c>
    </row>
    <row r="354" spans="1:12" ht="21.75" customHeight="1" x14ac:dyDescent="0.2">
      <c r="A354" s="5">
        <v>353</v>
      </c>
      <c r="B354" s="6" t="s">
        <v>152</v>
      </c>
      <c r="C354" s="7" t="s">
        <v>376</v>
      </c>
      <c r="D354" s="7" t="s">
        <v>961</v>
      </c>
      <c r="E354" s="8" t="s">
        <v>962</v>
      </c>
      <c r="F354" s="9">
        <v>0</v>
      </c>
      <c r="G354" s="5" t="s">
        <v>692</v>
      </c>
      <c r="H354" s="7" t="s">
        <v>963</v>
      </c>
      <c r="I354" s="10">
        <v>1021005006946</v>
      </c>
      <c r="K354" s="12">
        <v>0</v>
      </c>
      <c r="L354" s="12">
        <v>0</v>
      </c>
    </row>
    <row r="355" spans="1:12" ht="21.75" customHeight="1" x14ac:dyDescent="0.2">
      <c r="A355" s="5">
        <v>354</v>
      </c>
      <c r="B355" s="6" t="s">
        <v>152</v>
      </c>
      <c r="C355" s="7" t="s">
        <v>376</v>
      </c>
      <c r="D355" s="7" t="s">
        <v>964</v>
      </c>
      <c r="E355" s="8" t="s">
        <v>965</v>
      </c>
      <c r="F355" s="9">
        <v>0</v>
      </c>
      <c r="G355" s="5" t="s">
        <v>692</v>
      </c>
      <c r="H355" s="7" t="s">
        <v>966</v>
      </c>
      <c r="I355" s="10">
        <v>5021005006975</v>
      </c>
      <c r="K355" s="12">
        <v>0</v>
      </c>
      <c r="L355" s="12">
        <v>0</v>
      </c>
    </row>
    <row r="356" spans="1:12" ht="21.75" customHeight="1" x14ac:dyDescent="0.2">
      <c r="A356" s="5">
        <v>355</v>
      </c>
      <c r="B356" s="6" t="s">
        <v>152</v>
      </c>
      <c r="C356" s="7" t="s">
        <v>376</v>
      </c>
      <c r="D356" s="7" t="s">
        <v>377</v>
      </c>
      <c r="E356" s="8" t="s">
        <v>967</v>
      </c>
      <c r="F356" s="9">
        <v>0</v>
      </c>
      <c r="G356" s="5" t="s">
        <v>692</v>
      </c>
      <c r="H356" s="7" t="s">
        <v>968</v>
      </c>
      <c r="I356" s="10">
        <v>3021005006969</v>
      </c>
      <c r="K356" s="12">
        <v>0</v>
      </c>
      <c r="L356" s="12">
        <v>0</v>
      </c>
    </row>
    <row r="357" spans="1:12" ht="21.75" customHeight="1" x14ac:dyDescent="0.2">
      <c r="A357" s="5">
        <v>356</v>
      </c>
      <c r="B357" s="6" t="s">
        <v>152</v>
      </c>
      <c r="C357" s="7" t="s">
        <v>376</v>
      </c>
      <c r="D357" s="7" t="s">
        <v>969</v>
      </c>
      <c r="E357" s="8" t="s">
        <v>970</v>
      </c>
      <c r="F357" s="9">
        <v>0</v>
      </c>
      <c r="G357" s="5" t="s">
        <v>692</v>
      </c>
      <c r="H357" s="7" t="s">
        <v>971</v>
      </c>
      <c r="I357" s="10">
        <v>9021005006971</v>
      </c>
      <c r="K357" s="12">
        <v>0</v>
      </c>
      <c r="L357" s="12">
        <v>0</v>
      </c>
    </row>
    <row r="358" spans="1:12" ht="21.75" customHeight="1" x14ac:dyDescent="0.2">
      <c r="A358" s="5">
        <v>357</v>
      </c>
      <c r="B358" s="6" t="s">
        <v>152</v>
      </c>
      <c r="C358" s="7" t="s">
        <v>376</v>
      </c>
      <c r="D358" s="7" t="s">
        <v>972</v>
      </c>
      <c r="E358" s="8" t="s">
        <v>973</v>
      </c>
      <c r="F358" s="9">
        <v>0</v>
      </c>
      <c r="G358" s="5" t="s">
        <v>692</v>
      </c>
      <c r="H358" s="7" t="s">
        <v>974</v>
      </c>
      <c r="I358" s="10">
        <v>4021005006976</v>
      </c>
      <c r="K358" s="12">
        <v>0</v>
      </c>
      <c r="L358" s="12">
        <v>0</v>
      </c>
    </row>
    <row r="359" spans="1:12" ht="21.75" customHeight="1" x14ac:dyDescent="0.2">
      <c r="A359" s="5">
        <v>358</v>
      </c>
      <c r="B359" s="6" t="s">
        <v>152</v>
      </c>
      <c r="C359" s="7" t="s">
        <v>376</v>
      </c>
      <c r="D359" s="7" t="s">
        <v>975</v>
      </c>
      <c r="E359" s="8" t="s">
        <v>976</v>
      </c>
      <c r="F359" s="9">
        <v>0</v>
      </c>
      <c r="G359" s="5" t="s">
        <v>692</v>
      </c>
      <c r="H359" s="7" t="s">
        <v>977</v>
      </c>
      <c r="I359" s="10">
        <v>2021005007002</v>
      </c>
      <c r="K359" s="12">
        <v>0</v>
      </c>
      <c r="L359" s="12">
        <v>0</v>
      </c>
    </row>
    <row r="360" spans="1:12" ht="21.75" customHeight="1" x14ac:dyDescent="0.2">
      <c r="A360" s="5">
        <v>359</v>
      </c>
      <c r="B360" s="6" t="s">
        <v>152</v>
      </c>
      <c r="C360" s="7" t="s">
        <v>376</v>
      </c>
      <c r="D360" s="7" t="s">
        <v>978</v>
      </c>
      <c r="E360" s="8" t="s">
        <v>979</v>
      </c>
      <c r="F360" s="9">
        <v>0</v>
      </c>
      <c r="G360" s="5" t="s">
        <v>692</v>
      </c>
      <c r="H360" s="7" t="s">
        <v>980</v>
      </c>
      <c r="I360" s="10">
        <v>4021005007009</v>
      </c>
      <c r="K360" s="12">
        <v>0</v>
      </c>
      <c r="L360" s="12">
        <v>0</v>
      </c>
    </row>
    <row r="361" spans="1:12" ht="21.75" customHeight="1" x14ac:dyDescent="0.2">
      <c r="A361" s="5">
        <v>360</v>
      </c>
      <c r="B361" s="6" t="s">
        <v>152</v>
      </c>
      <c r="C361" s="7" t="s">
        <v>376</v>
      </c>
      <c r="D361" s="7" t="s">
        <v>981</v>
      </c>
      <c r="E361" s="8" t="s">
        <v>982</v>
      </c>
      <c r="F361" s="9">
        <v>0</v>
      </c>
      <c r="G361" s="5" t="s">
        <v>692</v>
      </c>
      <c r="H361" s="7" t="s">
        <v>983</v>
      </c>
      <c r="I361" s="10">
        <v>2021005007019</v>
      </c>
      <c r="K361" s="12">
        <v>0</v>
      </c>
      <c r="L361" s="12">
        <v>0</v>
      </c>
    </row>
    <row r="362" spans="1:12" ht="21.75" customHeight="1" x14ac:dyDescent="0.2">
      <c r="A362" s="5">
        <v>361</v>
      </c>
      <c r="B362" s="6" t="s">
        <v>152</v>
      </c>
      <c r="C362" s="7" t="s">
        <v>376</v>
      </c>
      <c r="D362" s="7" t="s">
        <v>984</v>
      </c>
      <c r="E362" s="8" t="s">
        <v>985</v>
      </c>
      <c r="F362" s="9">
        <v>0</v>
      </c>
      <c r="G362" s="5" t="s">
        <v>692</v>
      </c>
      <c r="H362" s="7" t="s">
        <v>986</v>
      </c>
      <c r="I362" s="10">
        <v>3021005007042</v>
      </c>
      <c r="K362" s="12">
        <v>0</v>
      </c>
      <c r="L362" s="12">
        <v>0</v>
      </c>
    </row>
    <row r="363" spans="1:12" ht="21.75" customHeight="1" x14ac:dyDescent="0.2">
      <c r="A363" s="5">
        <v>362</v>
      </c>
      <c r="B363" s="6" t="s">
        <v>152</v>
      </c>
      <c r="C363" s="7" t="s">
        <v>376</v>
      </c>
      <c r="D363" s="7" t="s">
        <v>987</v>
      </c>
      <c r="E363" s="8" t="s">
        <v>988</v>
      </c>
      <c r="F363" s="9">
        <v>0</v>
      </c>
      <c r="G363" s="5" t="s">
        <v>692</v>
      </c>
      <c r="H363" s="7" t="s">
        <v>989</v>
      </c>
      <c r="I363" s="10">
        <v>3021005007141</v>
      </c>
      <c r="K363" s="12">
        <v>0</v>
      </c>
      <c r="L363" s="12">
        <v>0</v>
      </c>
    </row>
    <row r="364" spans="1:12" ht="21.75" customHeight="1" x14ac:dyDescent="0.2">
      <c r="A364" s="5">
        <v>363</v>
      </c>
      <c r="B364" s="6" t="s">
        <v>152</v>
      </c>
      <c r="C364" s="7" t="s">
        <v>376</v>
      </c>
      <c r="D364" s="7" t="s">
        <v>990</v>
      </c>
      <c r="E364" s="8" t="s">
        <v>991</v>
      </c>
      <c r="F364" s="9">
        <v>0</v>
      </c>
      <c r="G364" s="5" t="s">
        <v>692</v>
      </c>
      <c r="H364" s="7" t="s">
        <v>992</v>
      </c>
      <c r="I364" s="10">
        <v>2021005007142</v>
      </c>
      <c r="K364" s="12">
        <v>0</v>
      </c>
      <c r="L364" s="12">
        <v>0</v>
      </c>
    </row>
    <row r="365" spans="1:12" ht="21.75" customHeight="1" x14ac:dyDescent="0.2">
      <c r="A365" s="5">
        <v>364</v>
      </c>
      <c r="B365" s="6" t="s">
        <v>152</v>
      </c>
      <c r="C365" s="7" t="s">
        <v>376</v>
      </c>
      <c r="D365" s="7" t="s">
        <v>993</v>
      </c>
      <c r="E365" s="8" t="s">
        <v>994</v>
      </c>
      <c r="F365" s="9">
        <v>0</v>
      </c>
      <c r="G365" s="5" t="s">
        <v>692</v>
      </c>
      <c r="H365" s="7" t="s">
        <v>995</v>
      </c>
      <c r="I365" s="10">
        <v>6021005007048</v>
      </c>
      <c r="K365" s="12">
        <v>0</v>
      </c>
      <c r="L365" s="12">
        <v>0</v>
      </c>
    </row>
    <row r="366" spans="1:12" ht="21.75" customHeight="1" x14ac:dyDescent="0.2">
      <c r="A366" s="5">
        <v>365</v>
      </c>
      <c r="B366" s="6" t="s">
        <v>152</v>
      </c>
      <c r="C366" s="7" t="s">
        <v>376</v>
      </c>
      <c r="D366" s="7" t="s">
        <v>354</v>
      </c>
      <c r="E366" s="8" t="s">
        <v>996</v>
      </c>
      <c r="F366" s="9">
        <v>0</v>
      </c>
      <c r="G366" s="5" t="s">
        <v>692</v>
      </c>
      <c r="H366" s="7" t="s">
        <v>997</v>
      </c>
      <c r="I366" s="10">
        <v>5021005007065</v>
      </c>
      <c r="K366" s="12">
        <v>0</v>
      </c>
      <c r="L366" s="12">
        <v>0</v>
      </c>
    </row>
    <row r="367" spans="1:12" ht="21.75" customHeight="1" x14ac:dyDescent="0.2">
      <c r="A367" s="5">
        <v>366</v>
      </c>
      <c r="B367" s="6" t="s">
        <v>152</v>
      </c>
      <c r="C367" s="7" t="s">
        <v>376</v>
      </c>
      <c r="D367" s="7" t="s">
        <v>998</v>
      </c>
      <c r="E367" s="8" t="s">
        <v>999</v>
      </c>
      <c r="F367" s="9">
        <v>0</v>
      </c>
      <c r="G367" s="5" t="s">
        <v>692</v>
      </c>
      <c r="H367" s="7" t="s">
        <v>1000</v>
      </c>
      <c r="I367" s="10">
        <v>5021005007081</v>
      </c>
      <c r="K367" s="12">
        <v>0</v>
      </c>
      <c r="L367" s="12">
        <v>0</v>
      </c>
    </row>
    <row r="368" spans="1:12" ht="21.75" customHeight="1" x14ac:dyDescent="0.2">
      <c r="A368" s="5">
        <v>367</v>
      </c>
      <c r="B368" s="6" t="s">
        <v>152</v>
      </c>
      <c r="C368" s="7" t="s">
        <v>376</v>
      </c>
      <c r="D368" s="7" t="s">
        <v>1001</v>
      </c>
      <c r="E368" s="8" t="s">
        <v>1002</v>
      </c>
      <c r="F368" s="9">
        <v>0</v>
      </c>
      <c r="G368" s="5" t="s">
        <v>692</v>
      </c>
      <c r="H368" s="7" t="s">
        <v>1003</v>
      </c>
      <c r="I368" s="10">
        <v>6021005007114</v>
      </c>
      <c r="K368" s="12">
        <v>0</v>
      </c>
      <c r="L368" s="12">
        <v>0</v>
      </c>
    </row>
    <row r="369" spans="1:12" ht="21.75" customHeight="1" x14ac:dyDescent="0.2">
      <c r="A369" s="5">
        <v>368</v>
      </c>
      <c r="B369" s="6" t="s">
        <v>152</v>
      </c>
      <c r="C369" s="7" t="s">
        <v>376</v>
      </c>
      <c r="D369" s="7" t="s">
        <v>1004</v>
      </c>
      <c r="E369" s="8" t="s">
        <v>1005</v>
      </c>
      <c r="F369" s="9">
        <v>0</v>
      </c>
      <c r="G369" s="5" t="s">
        <v>692</v>
      </c>
      <c r="H369" s="7" t="s">
        <v>1006</v>
      </c>
      <c r="I369" s="10">
        <v>7021005007113</v>
      </c>
      <c r="K369" s="12">
        <v>0</v>
      </c>
      <c r="L369" s="12">
        <v>0</v>
      </c>
    </row>
    <row r="370" spans="1:12" ht="21.75" customHeight="1" x14ac:dyDescent="0.2">
      <c r="A370" s="5">
        <v>369</v>
      </c>
      <c r="B370" s="6" t="s">
        <v>152</v>
      </c>
      <c r="C370" s="7" t="s">
        <v>1007</v>
      </c>
      <c r="D370" s="7" t="s">
        <v>1008</v>
      </c>
      <c r="E370" s="8" t="s">
        <v>1009</v>
      </c>
      <c r="F370" s="9">
        <v>0</v>
      </c>
      <c r="G370" s="5" t="s">
        <v>692</v>
      </c>
      <c r="H370" s="7" t="s">
        <v>1010</v>
      </c>
      <c r="I370" s="10">
        <v>3021005006936</v>
      </c>
      <c r="K370" s="12">
        <v>0</v>
      </c>
      <c r="L370" s="12">
        <v>0</v>
      </c>
    </row>
    <row r="371" spans="1:12" ht="21.75" customHeight="1" x14ac:dyDescent="0.2">
      <c r="A371" s="5">
        <v>370</v>
      </c>
      <c r="B371" s="6" t="s">
        <v>152</v>
      </c>
      <c r="C371" s="7" t="s">
        <v>406</v>
      </c>
      <c r="D371" s="7" t="s">
        <v>1011</v>
      </c>
      <c r="E371" s="8" t="s">
        <v>1012</v>
      </c>
      <c r="F371" s="9">
        <v>0</v>
      </c>
      <c r="G371" s="5" t="s">
        <v>692</v>
      </c>
      <c r="H371" s="7" t="s">
        <v>1013</v>
      </c>
      <c r="I371" s="10">
        <v>6021005006909</v>
      </c>
      <c r="K371" s="12">
        <v>0</v>
      </c>
      <c r="L371" s="12">
        <v>0</v>
      </c>
    </row>
    <row r="372" spans="1:12" ht="21.75" customHeight="1" x14ac:dyDescent="0.2">
      <c r="A372" s="5">
        <v>371</v>
      </c>
      <c r="B372" s="6" t="s">
        <v>152</v>
      </c>
      <c r="C372" s="7" t="s">
        <v>406</v>
      </c>
      <c r="D372" s="7" t="s">
        <v>377</v>
      </c>
      <c r="E372" s="8" t="s">
        <v>1014</v>
      </c>
      <c r="F372" s="9">
        <v>0</v>
      </c>
      <c r="G372" s="5" t="s">
        <v>692</v>
      </c>
      <c r="H372" s="7" t="s">
        <v>1015</v>
      </c>
      <c r="I372" s="10">
        <v>9021005006955</v>
      </c>
      <c r="K372" s="12">
        <v>0</v>
      </c>
      <c r="L372" s="12">
        <v>0</v>
      </c>
    </row>
    <row r="373" spans="1:12" ht="21.75" customHeight="1" x14ac:dyDescent="0.2">
      <c r="A373" s="5">
        <v>372</v>
      </c>
      <c r="B373" s="6" t="s">
        <v>152</v>
      </c>
      <c r="C373" s="7" t="s">
        <v>406</v>
      </c>
      <c r="D373" s="7" t="s">
        <v>1016</v>
      </c>
      <c r="E373" s="8" t="s">
        <v>1017</v>
      </c>
      <c r="F373" s="9">
        <v>0</v>
      </c>
      <c r="G373" s="5" t="s">
        <v>692</v>
      </c>
      <c r="H373" s="7" t="s">
        <v>1018</v>
      </c>
      <c r="I373" s="10">
        <v>5021005006991</v>
      </c>
      <c r="K373" s="12">
        <v>0</v>
      </c>
      <c r="L373" s="12">
        <v>0</v>
      </c>
    </row>
    <row r="374" spans="1:12" ht="21.75" customHeight="1" x14ac:dyDescent="0.2">
      <c r="A374" s="5">
        <v>373</v>
      </c>
      <c r="B374" s="6" t="s">
        <v>152</v>
      </c>
      <c r="C374" s="7" t="s">
        <v>406</v>
      </c>
      <c r="D374" s="7" t="s">
        <v>232</v>
      </c>
      <c r="E374" s="8" t="s">
        <v>1019</v>
      </c>
      <c r="F374" s="9">
        <v>0</v>
      </c>
      <c r="G374" s="5" t="s">
        <v>692</v>
      </c>
      <c r="H374" s="7" t="s">
        <v>1020</v>
      </c>
      <c r="I374" s="10">
        <v>1021005007011</v>
      </c>
      <c r="K374" s="12">
        <v>0</v>
      </c>
      <c r="L374" s="12">
        <v>0</v>
      </c>
    </row>
    <row r="375" spans="1:12" ht="21.75" customHeight="1" x14ac:dyDescent="0.2">
      <c r="A375" s="5">
        <v>374</v>
      </c>
      <c r="B375" s="6" t="s">
        <v>152</v>
      </c>
      <c r="C375" s="7" t="s">
        <v>406</v>
      </c>
      <c r="D375" s="7" t="s">
        <v>1021</v>
      </c>
      <c r="E375" s="8" t="s">
        <v>1022</v>
      </c>
      <c r="F375" s="9">
        <v>0</v>
      </c>
      <c r="G375" s="5" t="s">
        <v>692</v>
      </c>
      <c r="H375" s="7" t="s">
        <v>1023</v>
      </c>
      <c r="I375" s="10">
        <v>2021005007010</v>
      </c>
      <c r="K375" s="12">
        <v>0</v>
      </c>
      <c r="L375" s="12">
        <v>0</v>
      </c>
    </row>
    <row r="376" spans="1:12" ht="21.75" customHeight="1" x14ac:dyDescent="0.2">
      <c r="A376" s="5">
        <v>375</v>
      </c>
      <c r="B376" s="6" t="s">
        <v>152</v>
      </c>
      <c r="C376" s="7" t="s">
        <v>406</v>
      </c>
      <c r="D376" s="7" t="s">
        <v>1024</v>
      </c>
      <c r="E376" s="8" t="s">
        <v>1025</v>
      </c>
      <c r="F376" s="9">
        <v>0</v>
      </c>
      <c r="G376" s="5" t="s">
        <v>692</v>
      </c>
      <c r="H376" s="7" t="s">
        <v>1026</v>
      </c>
      <c r="I376" s="10">
        <v>4021005007041</v>
      </c>
      <c r="K376" s="12">
        <v>0</v>
      </c>
      <c r="L376" s="12">
        <v>0</v>
      </c>
    </row>
    <row r="377" spans="1:12" ht="21.75" customHeight="1" x14ac:dyDescent="0.2">
      <c r="A377" s="5">
        <v>376</v>
      </c>
      <c r="B377" s="6" t="s">
        <v>152</v>
      </c>
      <c r="C377" s="7" t="s">
        <v>406</v>
      </c>
      <c r="D377" s="7" t="s">
        <v>1027</v>
      </c>
      <c r="E377" s="8" t="s">
        <v>1028</v>
      </c>
      <c r="F377" s="9">
        <v>0</v>
      </c>
      <c r="G377" s="5" t="s">
        <v>692</v>
      </c>
      <c r="H377" s="7" t="s">
        <v>1029</v>
      </c>
      <c r="I377" s="10">
        <v>7021005007154</v>
      </c>
      <c r="K377" s="12">
        <v>0</v>
      </c>
      <c r="L377" s="12">
        <v>0</v>
      </c>
    </row>
    <row r="378" spans="1:12" ht="21.75" customHeight="1" x14ac:dyDescent="0.2">
      <c r="A378" s="5">
        <v>377</v>
      </c>
      <c r="B378" s="6" t="s">
        <v>152</v>
      </c>
      <c r="C378" s="7" t="s">
        <v>406</v>
      </c>
      <c r="D378" s="7" t="s">
        <v>1030</v>
      </c>
      <c r="E378" s="8" t="s">
        <v>1031</v>
      </c>
      <c r="F378" s="9">
        <v>0</v>
      </c>
      <c r="G378" s="5" t="s">
        <v>692</v>
      </c>
      <c r="H378" s="7" t="s">
        <v>1032</v>
      </c>
      <c r="I378" s="10">
        <v>4021005007066</v>
      </c>
      <c r="K378" s="12">
        <v>0</v>
      </c>
      <c r="L378" s="12">
        <v>0</v>
      </c>
    </row>
    <row r="379" spans="1:12" ht="21.75" customHeight="1" x14ac:dyDescent="0.2">
      <c r="A379" s="5">
        <v>378</v>
      </c>
      <c r="B379" s="6" t="s">
        <v>152</v>
      </c>
      <c r="C379" s="7" t="s">
        <v>406</v>
      </c>
      <c r="D379" s="7" t="s">
        <v>1033</v>
      </c>
      <c r="E379" s="8" t="s">
        <v>1034</v>
      </c>
      <c r="F379" s="9" t="s">
        <v>163</v>
      </c>
      <c r="G379" s="5" t="s">
        <v>692</v>
      </c>
      <c r="H379" s="7" t="s">
        <v>1035</v>
      </c>
      <c r="I379" s="10">
        <v>6021005007072</v>
      </c>
      <c r="K379" s="12">
        <v>0</v>
      </c>
      <c r="L379" s="12">
        <v>0</v>
      </c>
    </row>
    <row r="380" spans="1:12" ht="21.75" customHeight="1" x14ac:dyDescent="0.2">
      <c r="A380" s="5">
        <v>379</v>
      </c>
      <c r="B380" s="6" t="s">
        <v>152</v>
      </c>
      <c r="C380" s="7" t="s">
        <v>406</v>
      </c>
      <c r="D380" s="7" t="s">
        <v>1036</v>
      </c>
      <c r="E380" s="8" t="s">
        <v>1037</v>
      </c>
      <c r="F380" s="9">
        <v>0</v>
      </c>
      <c r="G380" s="5" t="s">
        <v>692</v>
      </c>
      <c r="H380" s="7" t="s">
        <v>1038</v>
      </c>
      <c r="I380" s="10">
        <v>4021005007082</v>
      </c>
      <c r="K380" s="12">
        <v>0</v>
      </c>
      <c r="L380" s="12">
        <v>0</v>
      </c>
    </row>
    <row r="381" spans="1:12" ht="21.75" customHeight="1" x14ac:dyDescent="0.2">
      <c r="A381" s="5">
        <v>380</v>
      </c>
      <c r="B381" s="6" t="s">
        <v>152</v>
      </c>
      <c r="C381" s="7" t="s">
        <v>406</v>
      </c>
      <c r="D381" s="7" t="s">
        <v>1039</v>
      </c>
      <c r="E381" s="8" t="s">
        <v>1040</v>
      </c>
      <c r="F381" s="9">
        <v>0</v>
      </c>
      <c r="G381" s="5" t="s">
        <v>692</v>
      </c>
      <c r="H381" s="7" t="s">
        <v>1041</v>
      </c>
      <c r="I381" s="10">
        <v>8021005007112</v>
      </c>
      <c r="K381" s="12">
        <v>0</v>
      </c>
      <c r="L381" s="12">
        <v>0</v>
      </c>
    </row>
    <row r="382" spans="1:12" ht="21.75" customHeight="1" x14ac:dyDescent="0.2">
      <c r="A382" s="5">
        <v>381</v>
      </c>
      <c r="B382" s="6" t="s">
        <v>152</v>
      </c>
      <c r="C382" s="7" t="s">
        <v>406</v>
      </c>
      <c r="D382" s="7" t="s">
        <v>1042</v>
      </c>
      <c r="E382" s="8" t="s">
        <v>1043</v>
      </c>
      <c r="F382" s="9">
        <v>0</v>
      </c>
      <c r="G382" s="5" t="s">
        <v>692</v>
      </c>
      <c r="H382" s="7" t="s">
        <v>1044</v>
      </c>
      <c r="I382" s="10">
        <v>2021005007118</v>
      </c>
      <c r="K382" s="12">
        <v>0</v>
      </c>
      <c r="L382" s="12">
        <v>0</v>
      </c>
    </row>
    <row r="383" spans="1:12" ht="21.75" customHeight="1" x14ac:dyDescent="0.2">
      <c r="A383" s="5">
        <v>382</v>
      </c>
      <c r="B383" s="6" t="s">
        <v>152</v>
      </c>
      <c r="C383" s="7" t="s">
        <v>406</v>
      </c>
      <c r="D383" s="7" t="s">
        <v>1045</v>
      </c>
      <c r="E383" s="8" t="s">
        <v>1046</v>
      </c>
      <c r="F383" s="9">
        <v>0</v>
      </c>
      <c r="G383" s="5" t="s">
        <v>692</v>
      </c>
      <c r="H383" s="7" t="s">
        <v>1047</v>
      </c>
      <c r="I383" s="10">
        <v>5021005007115</v>
      </c>
      <c r="K383" s="12">
        <v>0</v>
      </c>
      <c r="L383" s="12">
        <v>0</v>
      </c>
    </row>
    <row r="384" spans="1:12" ht="21.75" customHeight="1" x14ac:dyDescent="0.2">
      <c r="A384" s="5">
        <v>383</v>
      </c>
      <c r="B384" s="6" t="s">
        <v>152</v>
      </c>
      <c r="C384" s="7" t="s">
        <v>467</v>
      </c>
      <c r="D384" s="7" t="s">
        <v>1048</v>
      </c>
      <c r="E384" s="8" t="s">
        <v>1049</v>
      </c>
      <c r="F384" s="9">
        <v>0</v>
      </c>
      <c r="G384" s="5" t="s">
        <v>692</v>
      </c>
      <c r="H384" s="7" t="s">
        <v>1050</v>
      </c>
      <c r="I384" s="10">
        <v>7021005007022</v>
      </c>
      <c r="K384" s="12">
        <v>0</v>
      </c>
      <c r="L384" s="12">
        <v>0</v>
      </c>
    </row>
    <row r="385" spans="1:12" ht="21.75" customHeight="1" x14ac:dyDescent="0.2">
      <c r="A385" s="5">
        <v>384</v>
      </c>
      <c r="B385" s="6" t="s">
        <v>152</v>
      </c>
      <c r="C385" s="7" t="s">
        <v>482</v>
      </c>
      <c r="D385" s="7" t="s">
        <v>1051</v>
      </c>
      <c r="E385" s="8" t="s">
        <v>1052</v>
      </c>
      <c r="F385" s="9" t="s">
        <v>163</v>
      </c>
      <c r="G385" s="5" t="s">
        <v>692</v>
      </c>
      <c r="H385" s="7" t="s">
        <v>1053</v>
      </c>
      <c r="I385" s="10">
        <v>1021005006954</v>
      </c>
      <c r="K385" s="12">
        <v>0</v>
      </c>
      <c r="L385" s="12">
        <v>0</v>
      </c>
    </row>
    <row r="386" spans="1:12" ht="21.75" customHeight="1" x14ac:dyDescent="0.2">
      <c r="A386" s="5">
        <v>385</v>
      </c>
      <c r="B386" s="6" t="s">
        <v>152</v>
      </c>
      <c r="C386" s="7" t="s">
        <v>489</v>
      </c>
      <c r="D386" s="7" t="s">
        <v>1054</v>
      </c>
      <c r="E386" s="8" t="s">
        <v>1055</v>
      </c>
      <c r="F386" s="9">
        <v>0</v>
      </c>
      <c r="G386" s="5" t="s">
        <v>692</v>
      </c>
      <c r="H386" s="7" t="s">
        <v>1056</v>
      </c>
      <c r="I386" s="10">
        <v>7021005006981</v>
      </c>
      <c r="K386" s="12">
        <v>0</v>
      </c>
      <c r="L386" s="12">
        <v>0</v>
      </c>
    </row>
    <row r="387" spans="1:12" ht="21.75" customHeight="1" x14ac:dyDescent="0.2">
      <c r="A387" s="5">
        <v>386</v>
      </c>
      <c r="B387" s="6" t="s">
        <v>152</v>
      </c>
      <c r="C387" s="7" t="s">
        <v>489</v>
      </c>
      <c r="D387" s="7" t="s">
        <v>1057</v>
      </c>
      <c r="E387" s="8" t="s">
        <v>1058</v>
      </c>
      <c r="F387" s="9">
        <v>0</v>
      </c>
      <c r="G387" s="5" t="s">
        <v>692</v>
      </c>
      <c r="H387" s="7" t="s">
        <v>1059</v>
      </c>
      <c r="I387" s="10">
        <v>6021005006966</v>
      </c>
      <c r="K387" s="12">
        <v>0</v>
      </c>
      <c r="L387" s="12">
        <v>0</v>
      </c>
    </row>
    <row r="388" spans="1:12" ht="21.75" customHeight="1" x14ac:dyDescent="0.2">
      <c r="A388" s="5">
        <v>387</v>
      </c>
      <c r="B388" s="6" t="s">
        <v>152</v>
      </c>
      <c r="C388" s="7" t="s">
        <v>489</v>
      </c>
      <c r="D388" s="7" t="s">
        <v>1060</v>
      </c>
      <c r="E388" s="8" t="s">
        <v>1055</v>
      </c>
      <c r="F388" s="9">
        <v>0</v>
      </c>
      <c r="G388" s="5" t="s">
        <v>692</v>
      </c>
      <c r="H388" s="7" t="s">
        <v>1061</v>
      </c>
      <c r="I388" s="10">
        <v>8021005006980</v>
      </c>
      <c r="J388" s="11" t="s">
        <v>2931</v>
      </c>
      <c r="K388" s="12" t="s">
        <v>1062</v>
      </c>
      <c r="L388" s="12">
        <v>0</v>
      </c>
    </row>
    <row r="389" spans="1:12" ht="21.75" customHeight="1" x14ac:dyDescent="0.2">
      <c r="A389" s="5">
        <v>388</v>
      </c>
      <c r="B389" s="6" t="s">
        <v>152</v>
      </c>
      <c r="C389" s="7" t="s">
        <v>489</v>
      </c>
      <c r="D389" s="7" t="s">
        <v>1063</v>
      </c>
      <c r="E389" s="8" t="s">
        <v>1064</v>
      </c>
      <c r="F389" s="9">
        <v>0</v>
      </c>
      <c r="G389" s="5" t="s">
        <v>692</v>
      </c>
      <c r="H389" s="7" t="s">
        <v>1065</v>
      </c>
      <c r="I389" s="10">
        <v>6021005007106</v>
      </c>
      <c r="K389" s="12">
        <v>0</v>
      </c>
      <c r="L389" s="12">
        <v>0</v>
      </c>
    </row>
    <row r="390" spans="1:12" ht="21.75" customHeight="1" x14ac:dyDescent="0.2">
      <c r="A390" s="5">
        <v>389</v>
      </c>
      <c r="B390" s="6" t="s">
        <v>542</v>
      </c>
      <c r="C390" s="7" t="s">
        <v>543</v>
      </c>
      <c r="D390" s="7" t="s">
        <v>1066</v>
      </c>
      <c r="E390" s="8" t="s">
        <v>1067</v>
      </c>
      <c r="F390" s="9">
        <v>0</v>
      </c>
      <c r="G390" s="5" t="s">
        <v>692</v>
      </c>
      <c r="H390" s="7" t="s">
        <v>1068</v>
      </c>
      <c r="I390" s="10">
        <v>3021005007050</v>
      </c>
      <c r="K390" s="12">
        <v>0</v>
      </c>
      <c r="L390" s="12">
        <v>0</v>
      </c>
    </row>
    <row r="391" spans="1:12" ht="21.75" customHeight="1" x14ac:dyDescent="0.2">
      <c r="A391" s="5">
        <v>390</v>
      </c>
      <c r="B391" s="6" t="s">
        <v>542</v>
      </c>
      <c r="C391" s="7" t="s">
        <v>543</v>
      </c>
      <c r="D391" s="7" t="s">
        <v>1069</v>
      </c>
      <c r="E391" s="8" t="s">
        <v>1070</v>
      </c>
      <c r="F391" s="9" t="s">
        <v>163</v>
      </c>
      <c r="G391" s="5" t="s">
        <v>692</v>
      </c>
      <c r="H391" s="7" t="s">
        <v>1071</v>
      </c>
      <c r="I391" s="10">
        <v>5021005007057</v>
      </c>
      <c r="K391" s="12">
        <v>0</v>
      </c>
      <c r="L391" s="12">
        <v>0</v>
      </c>
    </row>
    <row r="392" spans="1:12" ht="21.75" customHeight="1" x14ac:dyDescent="0.2">
      <c r="A392" s="5">
        <v>391</v>
      </c>
      <c r="B392" s="6" t="s">
        <v>542</v>
      </c>
      <c r="C392" s="7" t="s">
        <v>543</v>
      </c>
      <c r="D392" s="7" t="s">
        <v>1072</v>
      </c>
      <c r="E392" s="8" t="s">
        <v>1073</v>
      </c>
      <c r="F392" s="9">
        <v>0</v>
      </c>
      <c r="G392" s="5" t="s">
        <v>692</v>
      </c>
      <c r="H392" s="7" t="s">
        <v>1074</v>
      </c>
      <c r="I392" s="10">
        <v>9021005007053</v>
      </c>
      <c r="K392" s="12">
        <v>0</v>
      </c>
      <c r="L392" s="12">
        <v>0</v>
      </c>
    </row>
    <row r="393" spans="1:12" ht="21.75" customHeight="1" x14ac:dyDescent="0.2">
      <c r="A393" s="5">
        <v>392</v>
      </c>
      <c r="B393" s="6" t="s">
        <v>542</v>
      </c>
      <c r="C393" s="7" t="s">
        <v>565</v>
      </c>
      <c r="D393" s="7" t="s">
        <v>1075</v>
      </c>
      <c r="E393" s="8" t="s">
        <v>1076</v>
      </c>
      <c r="F393" s="9">
        <v>0</v>
      </c>
      <c r="G393" s="5" t="s">
        <v>692</v>
      </c>
      <c r="H393" s="7" t="s">
        <v>1077</v>
      </c>
      <c r="I393" s="10">
        <v>7021005007055</v>
      </c>
      <c r="K393" s="12">
        <v>0</v>
      </c>
      <c r="L393" s="12">
        <v>0</v>
      </c>
    </row>
    <row r="394" spans="1:12" ht="21.75" customHeight="1" x14ac:dyDescent="0.2">
      <c r="A394" s="5">
        <v>393</v>
      </c>
      <c r="B394" s="6" t="s">
        <v>542</v>
      </c>
      <c r="C394" s="7" t="s">
        <v>1078</v>
      </c>
      <c r="D394" s="7" t="s">
        <v>1079</v>
      </c>
      <c r="E394" s="8" t="s">
        <v>1080</v>
      </c>
      <c r="F394" s="9">
        <v>0</v>
      </c>
      <c r="G394" s="5" t="s">
        <v>692</v>
      </c>
      <c r="H394" s="7" t="s">
        <v>1081</v>
      </c>
      <c r="I394" s="10">
        <v>7021005007138</v>
      </c>
      <c r="K394" s="12">
        <v>0</v>
      </c>
      <c r="L394" s="12">
        <v>0</v>
      </c>
    </row>
    <row r="395" spans="1:12" ht="21.75" customHeight="1" x14ac:dyDescent="0.2">
      <c r="A395" s="5">
        <v>394</v>
      </c>
      <c r="B395" s="6" t="s">
        <v>542</v>
      </c>
      <c r="C395" s="7" t="s">
        <v>573</v>
      </c>
      <c r="D395" s="7" t="s">
        <v>1082</v>
      </c>
      <c r="E395" s="8" t="s">
        <v>1083</v>
      </c>
      <c r="F395" s="9">
        <v>0</v>
      </c>
      <c r="G395" s="5" t="s">
        <v>692</v>
      </c>
      <c r="H395" s="7" t="s">
        <v>1084</v>
      </c>
      <c r="I395" s="10">
        <v>1021005007135</v>
      </c>
      <c r="K395" s="12">
        <v>0</v>
      </c>
      <c r="L395" s="12">
        <v>0</v>
      </c>
    </row>
    <row r="396" spans="1:12" ht="21.75" customHeight="1" x14ac:dyDescent="0.2">
      <c r="A396" s="5">
        <v>395</v>
      </c>
      <c r="B396" s="6" t="s">
        <v>542</v>
      </c>
      <c r="C396" s="7" t="s">
        <v>573</v>
      </c>
      <c r="D396" s="7" t="s">
        <v>1085</v>
      </c>
      <c r="E396" s="8" t="s">
        <v>1086</v>
      </c>
      <c r="F396" s="9">
        <v>0</v>
      </c>
      <c r="G396" s="5" t="s">
        <v>692</v>
      </c>
      <c r="H396" s="7" t="s">
        <v>1087</v>
      </c>
      <c r="I396" s="10">
        <v>9021005007144</v>
      </c>
      <c r="K396" s="12">
        <v>0</v>
      </c>
      <c r="L396" s="12">
        <v>0</v>
      </c>
    </row>
    <row r="397" spans="1:12" ht="21.75" customHeight="1" x14ac:dyDescent="0.2">
      <c r="A397" s="5">
        <v>396</v>
      </c>
      <c r="B397" s="6" t="s">
        <v>542</v>
      </c>
      <c r="C397" s="7" t="s">
        <v>591</v>
      </c>
      <c r="D397" s="7" t="s">
        <v>1088</v>
      </c>
      <c r="E397" s="8" t="s">
        <v>1089</v>
      </c>
      <c r="F397" s="9">
        <v>0</v>
      </c>
      <c r="G397" s="5" t="s">
        <v>692</v>
      </c>
      <c r="H397" s="7" t="s">
        <v>1090</v>
      </c>
      <c r="I397" s="10">
        <v>3021005007307</v>
      </c>
      <c r="J397" s="11" t="s">
        <v>2931</v>
      </c>
      <c r="K397" s="12">
        <v>0</v>
      </c>
      <c r="L397" s="12" t="s">
        <v>1091</v>
      </c>
    </row>
    <row r="398" spans="1:12" ht="21.75" customHeight="1" x14ac:dyDescent="0.2">
      <c r="A398" s="5">
        <v>397</v>
      </c>
      <c r="B398" s="6" t="s">
        <v>542</v>
      </c>
      <c r="C398" s="7" t="s">
        <v>591</v>
      </c>
      <c r="D398" s="7" t="s">
        <v>1092</v>
      </c>
      <c r="E398" s="8" t="s">
        <v>1093</v>
      </c>
      <c r="F398" s="9">
        <v>0</v>
      </c>
      <c r="G398" s="5" t="s">
        <v>692</v>
      </c>
      <c r="H398" s="7" t="s">
        <v>1094</v>
      </c>
      <c r="I398" s="10">
        <v>3021005010533</v>
      </c>
      <c r="K398" s="12">
        <v>0</v>
      </c>
      <c r="L398" s="12">
        <v>0</v>
      </c>
    </row>
    <row r="399" spans="1:12" ht="21.75" customHeight="1" x14ac:dyDescent="0.2">
      <c r="A399" s="5">
        <v>398</v>
      </c>
      <c r="B399" s="6" t="s">
        <v>542</v>
      </c>
      <c r="C399" s="7" t="s">
        <v>591</v>
      </c>
      <c r="D399" s="7" t="s">
        <v>1095</v>
      </c>
      <c r="E399" s="8" t="s">
        <v>1096</v>
      </c>
      <c r="F399" s="9">
        <v>0</v>
      </c>
      <c r="G399" s="5" t="s">
        <v>692</v>
      </c>
      <c r="H399" s="7" t="s">
        <v>1097</v>
      </c>
      <c r="I399" s="10">
        <v>9021005007136</v>
      </c>
      <c r="K399" s="12">
        <v>0</v>
      </c>
      <c r="L399" s="12">
        <v>0</v>
      </c>
    </row>
    <row r="400" spans="1:12" ht="21.75" customHeight="1" x14ac:dyDescent="0.2">
      <c r="A400" s="5">
        <v>399</v>
      </c>
      <c r="B400" s="6" t="s">
        <v>542</v>
      </c>
      <c r="C400" s="7" t="s">
        <v>1098</v>
      </c>
      <c r="D400" s="7" t="s">
        <v>1099</v>
      </c>
      <c r="E400" s="8" t="s">
        <v>1100</v>
      </c>
      <c r="F400" s="9">
        <v>0</v>
      </c>
      <c r="G400" s="5" t="s">
        <v>692</v>
      </c>
      <c r="H400" s="7" t="s">
        <v>1101</v>
      </c>
      <c r="I400" s="10">
        <v>7021005007006</v>
      </c>
      <c r="K400" s="12">
        <v>0</v>
      </c>
      <c r="L400" s="12">
        <v>0</v>
      </c>
    </row>
    <row r="401" spans="1:12" ht="21.75" customHeight="1" x14ac:dyDescent="0.2">
      <c r="A401" s="5">
        <v>400</v>
      </c>
      <c r="B401" s="6" t="s">
        <v>598</v>
      </c>
      <c r="C401" s="7" t="s">
        <v>599</v>
      </c>
      <c r="D401" s="7" t="s">
        <v>1102</v>
      </c>
      <c r="E401" s="8" t="s">
        <v>1103</v>
      </c>
      <c r="F401" s="9">
        <v>0</v>
      </c>
      <c r="G401" s="5" t="s">
        <v>692</v>
      </c>
      <c r="H401" s="7" t="s">
        <v>1104</v>
      </c>
      <c r="I401" s="10">
        <v>4021005007033</v>
      </c>
      <c r="K401" s="12">
        <v>0</v>
      </c>
      <c r="L401" s="12">
        <v>0</v>
      </c>
    </row>
    <row r="402" spans="1:12" ht="21.75" customHeight="1" x14ac:dyDescent="0.2">
      <c r="A402" s="5">
        <v>401</v>
      </c>
      <c r="B402" s="6" t="s">
        <v>598</v>
      </c>
      <c r="C402" s="7" t="s">
        <v>599</v>
      </c>
      <c r="D402" s="7" t="s">
        <v>1105</v>
      </c>
      <c r="E402" s="8" t="s">
        <v>1106</v>
      </c>
      <c r="F402" s="9">
        <v>0</v>
      </c>
      <c r="G402" s="5" t="s">
        <v>692</v>
      </c>
      <c r="H402" s="7" t="s">
        <v>1107</v>
      </c>
      <c r="I402" s="10">
        <v>2021005007035</v>
      </c>
      <c r="K402" s="12">
        <v>0</v>
      </c>
      <c r="L402" s="12">
        <v>0</v>
      </c>
    </row>
    <row r="403" spans="1:12" ht="21.75" customHeight="1" x14ac:dyDescent="0.2">
      <c r="A403" s="5">
        <v>402</v>
      </c>
      <c r="B403" s="6" t="s">
        <v>598</v>
      </c>
      <c r="C403" s="7" t="s">
        <v>599</v>
      </c>
      <c r="D403" s="7" t="s">
        <v>1108</v>
      </c>
      <c r="E403" s="8" t="s">
        <v>1109</v>
      </c>
      <c r="F403" s="9">
        <v>0</v>
      </c>
      <c r="G403" s="5" t="s">
        <v>692</v>
      </c>
      <c r="H403" s="7" t="s">
        <v>1110</v>
      </c>
      <c r="I403" s="10">
        <v>8021005007038</v>
      </c>
      <c r="K403" s="12">
        <v>0</v>
      </c>
      <c r="L403" s="12">
        <v>0</v>
      </c>
    </row>
    <row r="404" spans="1:12" ht="21.75" customHeight="1" x14ac:dyDescent="0.2">
      <c r="A404" s="5">
        <v>403</v>
      </c>
      <c r="B404" s="6" t="s">
        <v>598</v>
      </c>
      <c r="C404" s="7" t="s">
        <v>599</v>
      </c>
      <c r="D404" s="7" t="s">
        <v>1111</v>
      </c>
      <c r="E404" s="8" t="s">
        <v>1112</v>
      </c>
      <c r="F404" s="9">
        <v>0</v>
      </c>
      <c r="G404" s="5" t="s">
        <v>692</v>
      </c>
      <c r="H404" s="7" t="s">
        <v>1113</v>
      </c>
      <c r="I404" s="10">
        <v>9021005007037</v>
      </c>
      <c r="K404" s="12">
        <v>0</v>
      </c>
      <c r="L404" s="12">
        <v>0</v>
      </c>
    </row>
    <row r="405" spans="1:12" ht="21.75" customHeight="1" x14ac:dyDescent="0.2">
      <c r="A405" s="5">
        <v>404</v>
      </c>
      <c r="B405" s="6" t="s">
        <v>598</v>
      </c>
      <c r="C405" s="7" t="s">
        <v>599</v>
      </c>
      <c r="D405" s="7" t="s">
        <v>1114</v>
      </c>
      <c r="E405" s="8" t="s">
        <v>1115</v>
      </c>
      <c r="F405" s="9">
        <v>0</v>
      </c>
      <c r="G405" s="5" t="s">
        <v>692</v>
      </c>
      <c r="H405" s="7" t="s">
        <v>1116</v>
      </c>
      <c r="I405" s="10">
        <v>1021005007028</v>
      </c>
      <c r="K405" s="12">
        <v>0</v>
      </c>
      <c r="L405" s="12">
        <v>0</v>
      </c>
    </row>
    <row r="406" spans="1:12" ht="21.75" customHeight="1" x14ac:dyDescent="0.2">
      <c r="A406" s="5">
        <v>405</v>
      </c>
      <c r="B406" s="6" t="s">
        <v>598</v>
      </c>
      <c r="C406" s="7" t="s">
        <v>599</v>
      </c>
      <c r="D406" s="7" t="s">
        <v>1117</v>
      </c>
      <c r="E406" s="8" t="s">
        <v>1118</v>
      </c>
      <c r="F406" s="9">
        <v>0</v>
      </c>
      <c r="G406" s="5" t="s">
        <v>692</v>
      </c>
      <c r="H406" s="7" t="s">
        <v>1119</v>
      </c>
      <c r="I406" s="10">
        <v>1021005007044</v>
      </c>
      <c r="K406" s="12">
        <v>0</v>
      </c>
      <c r="L406" s="12">
        <v>0</v>
      </c>
    </row>
    <row r="407" spans="1:12" ht="21.75" customHeight="1" x14ac:dyDescent="0.2">
      <c r="A407" s="5">
        <v>406</v>
      </c>
      <c r="B407" s="6" t="s">
        <v>598</v>
      </c>
      <c r="C407" s="7" t="s">
        <v>599</v>
      </c>
      <c r="D407" s="7" t="s">
        <v>1120</v>
      </c>
      <c r="E407" s="8" t="s">
        <v>1121</v>
      </c>
      <c r="F407" s="9">
        <v>0</v>
      </c>
      <c r="G407" s="5" t="s">
        <v>692</v>
      </c>
      <c r="H407" s="7" t="s">
        <v>1122</v>
      </c>
      <c r="I407" s="10">
        <v>5021005007032</v>
      </c>
      <c r="K407" s="12">
        <v>0</v>
      </c>
      <c r="L407" s="12">
        <v>0</v>
      </c>
    </row>
    <row r="408" spans="1:12" ht="21.75" customHeight="1" x14ac:dyDescent="0.2">
      <c r="A408" s="5">
        <v>407</v>
      </c>
      <c r="B408" s="6" t="s">
        <v>598</v>
      </c>
      <c r="C408" s="7" t="s">
        <v>599</v>
      </c>
      <c r="D408" s="7" t="s">
        <v>1123</v>
      </c>
      <c r="E408" s="8" t="s">
        <v>1124</v>
      </c>
      <c r="F408" s="9">
        <v>0</v>
      </c>
      <c r="G408" s="5" t="s">
        <v>692</v>
      </c>
      <c r="H408" s="7" t="s">
        <v>1125</v>
      </c>
      <c r="I408" s="10">
        <v>7021005007030</v>
      </c>
      <c r="K408" s="12">
        <v>0</v>
      </c>
      <c r="L408" s="12">
        <v>0</v>
      </c>
    </row>
    <row r="409" spans="1:12" ht="21.75" customHeight="1" x14ac:dyDescent="0.2">
      <c r="A409" s="5">
        <v>408</v>
      </c>
      <c r="B409" s="6" t="s">
        <v>12</v>
      </c>
      <c r="C409" s="7" t="s">
        <v>13</v>
      </c>
      <c r="D409" s="7" t="s">
        <v>1126</v>
      </c>
      <c r="E409" s="8" t="s">
        <v>1127</v>
      </c>
      <c r="F409" s="9">
        <v>0</v>
      </c>
      <c r="G409" s="5" t="s">
        <v>1128</v>
      </c>
      <c r="H409" s="7" t="s">
        <v>1129</v>
      </c>
      <c r="I409" s="10">
        <v>8021005001833</v>
      </c>
      <c r="K409" s="12">
        <v>0</v>
      </c>
      <c r="L409" s="12">
        <v>0</v>
      </c>
    </row>
    <row r="410" spans="1:12" ht="21.75" customHeight="1" x14ac:dyDescent="0.2">
      <c r="A410" s="5">
        <v>409</v>
      </c>
      <c r="B410" s="6" t="s">
        <v>12</v>
      </c>
      <c r="C410" s="7" t="s">
        <v>13</v>
      </c>
      <c r="D410" s="7" t="s">
        <v>1130</v>
      </c>
      <c r="E410" s="8" t="s">
        <v>1131</v>
      </c>
      <c r="F410" s="9">
        <v>0</v>
      </c>
      <c r="G410" s="5" t="s">
        <v>1128</v>
      </c>
      <c r="H410" s="7" t="s">
        <v>1132</v>
      </c>
      <c r="I410" s="10">
        <v>5021005001836</v>
      </c>
      <c r="K410" s="12">
        <v>0</v>
      </c>
      <c r="L410" s="12">
        <v>0</v>
      </c>
    </row>
    <row r="411" spans="1:12" ht="21.75" customHeight="1" x14ac:dyDescent="0.2">
      <c r="A411" s="5">
        <v>410</v>
      </c>
      <c r="B411" s="6" t="s">
        <v>12</v>
      </c>
      <c r="C411" s="7" t="s">
        <v>13</v>
      </c>
      <c r="D411" s="7" t="s">
        <v>1133</v>
      </c>
      <c r="E411" s="8" t="s">
        <v>1131</v>
      </c>
      <c r="F411" s="9">
        <v>0</v>
      </c>
      <c r="G411" s="5" t="s">
        <v>1128</v>
      </c>
      <c r="H411" s="7" t="s">
        <v>1134</v>
      </c>
      <c r="I411" s="10">
        <v>4021005001837</v>
      </c>
      <c r="K411" s="12">
        <v>0</v>
      </c>
      <c r="L411" s="12">
        <v>0</v>
      </c>
    </row>
    <row r="412" spans="1:12" ht="21.75" customHeight="1" x14ac:dyDescent="0.2">
      <c r="A412" s="5">
        <v>411</v>
      </c>
      <c r="B412" s="6" t="s">
        <v>12</v>
      </c>
      <c r="C412" s="7" t="s">
        <v>13</v>
      </c>
      <c r="D412" s="7" t="s">
        <v>1133</v>
      </c>
      <c r="E412" s="8" t="s">
        <v>1131</v>
      </c>
      <c r="F412" s="9">
        <v>0</v>
      </c>
      <c r="G412" s="5" t="s">
        <v>1128</v>
      </c>
      <c r="H412" s="7" t="s">
        <v>1135</v>
      </c>
      <c r="I412" s="10">
        <v>6021005001835</v>
      </c>
      <c r="K412" s="12">
        <v>0</v>
      </c>
      <c r="L412" s="12">
        <v>0</v>
      </c>
    </row>
    <row r="413" spans="1:12" ht="21.75" customHeight="1" x14ac:dyDescent="0.2">
      <c r="A413" s="5">
        <v>412</v>
      </c>
      <c r="B413" s="6" t="s">
        <v>12</v>
      </c>
      <c r="C413" s="7" t="s">
        <v>13</v>
      </c>
      <c r="D413" s="7" t="s">
        <v>1133</v>
      </c>
      <c r="E413" s="8" t="s">
        <v>1131</v>
      </c>
      <c r="F413" s="9">
        <v>0</v>
      </c>
      <c r="G413" s="5" t="s">
        <v>1128</v>
      </c>
      <c r="H413" s="7" t="s">
        <v>1136</v>
      </c>
      <c r="I413" s="10">
        <v>3021005001838</v>
      </c>
      <c r="K413" s="12">
        <v>0</v>
      </c>
      <c r="L413" s="12">
        <v>0</v>
      </c>
    </row>
    <row r="414" spans="1:12" ht="21.75" customHeight="1" x14ac:dyDescent="0.2">
      <c r="A414" s="5">
        <v>413</v>
      </c>
      <c r="B414" s="6" t="s">
        <v>12</v>
      </c>
      <c r="C414" s="7" t="s">
        <v>13</v>
      </c>
      <c r="D414" s="7" t="s">
        <v>1137</v>
      </c>
      <c r="E414" s="8" t="s">
        <v>1138</v>
      </c>
      <c r="F414" s="9">
        <v>0</v>
      </c>
      <c r="G414" s="5" t="s">
        <v>1128</v>
      </c>
      <c r="H414" s="7" t="s">
        <v>1139</v>
      </c>
      <c r="I414" s="10">
        <v>7021005001850</v>
      </c>
      <c r="K414" s="12">
        <v>0</v>
      </c>
      <c r="L414" s="12">
        <v>0</v>
      </c>
    </row>
    <row r="415" spans="1:12" ht="21.75" customHeight="1" x14ac:dyDescent="0.2">
      <c r="A415" s="5">
        <v>414</v>
      </c>
      <c r="B415" s="6" t="s">
        <v>12</v>
      </c>
      <c r="C415" s="7" t="s">
        <v>13</v>
      </c>
      <c r="D415" s="7" t="s">
        <v>1140</v>
      </c>
      <c r="E415" s="8" t="s">
        <v>1138</v>
      </c>
      <c r="F415" s="9">
        <v>0</v>
      </c>
      <c r="G415" s="5" t="s">
        <v>1128</v>
      </c>
      <c r="H415" s="7" t="s">
        <v>1141</v>
      </c>
      <c r="I415" s="10">
        <v>5021005001860</v>
      </c>
      <c r="K415" s="12">
        <v>0</v>
      </c>
      <c r="L415" s="12">
        <v>0</v>
      </c>
    </row>
    <row r="416" spans="1:12" ht="21.75" customHeight="1" x14ac:dyDescent="0.2">
      <c r="A416" s="5">
        <v>415</v>
      </c>
      <c r="B416" s="6" t="s">
        <v>12</v>
      </c>
      <c r="C416" s="7" t="s">
        <v>13</v>
      </c>
      <c r="D416" s="7" t="s">
        <v>1142</v>
      </c>
      <c r="E416" s="8" t="s">
        <v>1138</v>
      </c>
      <c r="F416" s="9">
        <v>0</v>
      </c>
      <c r="G416" s="5" t="s">
        <v>1128</v>
      </c>
      <c r="H416" s="7" t="s">
        <v>1143</v>
      </c>
      <c r="I416" s="10">
        <v>7021005001867</v>
      </c>
      <c r="K416" s="12">
        <v>0</v>
      </c>
      <c r="L416" s="12">
        <v>0</v>
      </c>
    </row>
    <row r="417" spans="1:12" ht="21.75" customHeight="1" x14ac:dyDescent="0.2">
      <c r="A417" s="5">
        <v>416</v>
      </c>
      <c r="B417" s="6" t="s">
        <v>12</v>
      </c>
      <c r="C417" s="7" t="s">
        <v>13</v>
      </c>
      <c r="D417" s="7" t="s">
        <v>47</v>
      </c>
      <c r="E417" s="8" t="s">
        <v>1127</v>
      </c>
      <c r="F417" s="9">
        <v>0</v>
      </c>
      <c r="G417" s="5" t="s">
        <v>1128</v>
      </c>
      <c r="H417" s="7" t="s">
        <v>1144</v>
      </c>
      <c r="I417" s="10">
        <v>6021005001868</v>
      </c>
      <c r="K417" s="12">
        <v>0</v>
      </c>
      <c r="L417" s="12">
        <v>0</v>
      </c>
    </row>
    <row r="418" spans="1:12" ht="21.75" customHeight="1" x14ac:dyDescent="0.2">
      <c r="A418" s="5">
        <v>417</v>
      </c>
      <c r="B418" s="6" t="s">
        <v>12</v>
      </c>
      <c r="C418" s="7" t="s">
        <v>13</v>
      </c>
      <c r="D418" s="7" t="s">
        <v>47</v>
      </c>
      <c r="E418" s="8" t="s">
        <v>1131</v>
      </c>
      <c r="F418" s="9">
        <v>0</v>
      </c>
      <c r="G418" s="5" t="s">
        <v>1128</v>
      </c>
      <c r="H418" s="7" t="s">
        <v>1145</v>
      </c>
      <c r="I418" s="10">
        <v>5021005001869</v>
      </c>
      <c r="K418" s="12">
        <v>0</v>
      </c>
      <c r="L418" s="12">
        <v>0</v>
      </c>
    </row>
    <row r="419" spans="1:12" ht="21.75" customHeight="1" x14ac:dyDescent="0.2">
      <c r="A419" s="5">
        <v>418</v>
      </c>
      <c r="B419" s="6" t="s">
        <v>12</v>
      </c>
      <c r="C419" s="7" t="s">
        <v>13</v>
      </c>
      <c r="D419" s="7" t="s">
        <v>47</v>
      </c>
      <c r="E419" s="8" t="s">
        <v>1131</v>
      </c>
      <c r="F419" s="9">
        <v>0</v>
      </c>
      <c r="G419" s="5" t="s">
        <v>1128</v>
      </c>
      <c r="H419" s="7" t="s">
        <v>1146</v>
      </c>
      <c r="I419" s="10">
        <v>8021005001866</v>
      </c>
      <c r="K419" s="12">
        <v>0</v>
      </c>
      <c r="L419" s="12">
        <v>0</v>
      </c>
    </row>
    <row r="420" spans="1:12" ht="21.75" customHeight="1" x14ac:dyDescent="0.2">
      <c r="A420" s="5">
        <v>419</v>
      </c>
      <c r="B420" s="6" t="s">
        <v>12</v>
      </c>
      <c r="C420" s="7" t="s">
        <v>13</v>
      </c>
      <c r="D420" s="7" t="s">
        <v>1147</v>
      </c>
      <c r="E420" s="8" t="s">
        <v>1127</v>
      </c>
      <c r="F420" s="9">
        <v>0</v>
      </c>
      <c r="G420" s="5" t="s">
        <v>1128</v>
      </c>
      <c r="H420" s="7" t="s">
        <v>1148</v>
      </c>
      <c r="I420" s="10">
        <v>4021005001878</v>
      </c>
      <c r="K420" s="12">
        <v>0</v>
      </c>
      <c r="L420" s="12">
        <v>0</v>
      </c>
    </row>
    <row r="421" spans="1:12" ht="21.75" customHeight="1" x14ac:dyDescent="0.2">
      <c r="A421" s="5">
        <v>420</v>
      </c>
      <c r="B421" s="6" t="s">
        <v>12</v>
      </c>
      <c r="C421" s="7" t="s">
        <v>13</v>
      </c>
      <c r="D421" s="7" t="s">
        <v>720</v>
      </c>
      <c r="E421" s="8" t="s">
        <v>1138</v>
      </c>
      <c r="F421" s="9">
        <v>0</v>
      </c>
      <c r="G421" s="5" t="s">
        <v>1128</v>
      </c>
      <c r="H421" s="7" t="s">
        <v>1149</v>
      </c>
      <c r="I421" s="10">
        <v>6021005001876</v>
      </c>
      <c r="K421" s="12">
        <v>0</v>
      </c>
      <c r="L421" s="12">
        <v>0</v>
      </c>
    </row>
    <row r="422" spans="1:12" ht="21.75" customHeight="1" x14ac:dyDescent="0.2">
      <c r="A422" s="5">
        <v>421</v>
      </c>
      <c r="B422" s="6" t="s">
        <v>12</v>
      </c>
      <c r="C422" s="7" t="s">
        <v>13</v>
      </c>
      <c r="D422" s="7" t="s">
        <v>1150</v>
      </c>
      <c r="E422" s="8" t="s">
        <v>1138</v>
      </c>
      <c r="F422" s="9">
        <v>0</v>
      </c>
      <c r="G422" s="5" t="s">
        <v>1128</v>
      </c>
      <c r="H422" s="7" t="s">
        <v>1151</v>
      </c>
      <c r="I422" s="10">
        <v>7021005001875</v>
      </c>
      <c r="K422" s="12">
        <v>0</v>
      </c>
      <c r="L422" s="12">
        <v>0</v>
      </c>
    </row>
    <row r="423" spans="1:12" ht="21.75" customHeight="1" x14ac:dyDescent="0.2">
      <c r="A423" s="5">
        <v>422</v>
      </c>
      <c r="B423" s="6" t="s">
        <v>12</v>
      </c>
      <c r="C423" s="7" t="s">
        <v>13</v>
      </c>
      <c r="D423" s="7" t="s">
        <v>1152</v>
      </c>
      <c r="E423" s="8" t="s">
        <v>1127</v>
      </c>
      <c r="F423" s="9">
        <v>0</v>
      </c>
      <c r="G423" s="5" t="s">
        <v>1128</v>
      </c>
      <c r="H423" s="7" t="s">
        <v>1153</v>
      </c>
      <c r="I423" s="10">
        <v>6021005001884</v>
      </c>
      <c r="K423" s="12">
        <v>0</v>
      </c>
      <c r="L423" s="12">
        <v>0</v>
      </c>
    </row>
    <row r="424" spans="1:12" ht="21.75" customHeight="1" x14ac:dyDescent="0.2">
      <c r="A424" s="5">
        <v>423</v>
      </c>
      <c r="B424" s="6" t="s">
        <v>12</v>
      </c>
      <c r="C424" s="7" t="s">
        <v>13</v>
      </c>
      <c r="D424" s="7" t="s">
        <v>53</v>
      </c>
      <c r="E424" s="8" t="s">
        <v>1138</v>
      </c>
      <c r="F424" s="9">
        <v>0</v>
      </c>
      <c r="G424" s="5" t="s">
        <v>1128</v>
      </c>
      <c r="H424" s="7" t="s">
        <v>1154</v>
      </c>
      <c r="I424" s="10">
        <v>8021005001981</v>
      </c>
      <c r="K424" s="12">
        <v>0</v>
      </c>
      <c r="L424" s="12">
        <v>0</v>
      </c>
    </row>
    <row r="425" spans="1:12" ht="21.75" customHeight="1" x14ac:dyDescent="0.2">
      <c r="A425" s="5">
        <v>424</v>
      </c>
      <c r="B425" s="6" t="s">
        <v>12</v>
      </c>
      <c r="C425" s="7" t="s">
        <v>13</v>
      </c>
      <c r="D425" s="7" t="s">
        <v>53</v>
      </c>
      <c r="E425" s="8" t="s">
        <v>1131</v>
      </c>
      <c r="F425" s="9">
        <v>0</v>
      </c>
      <c r="G425" s="5" t="s">
        <v>1128</v>
      </c>
      <c r="H425" s="7" t="s">
        <v>1155</v>
      </c>
      <c r="I425" s="10">
        <v>9021005001980</v>
      </c>
      <c r="K425" s="12">
        <v>0</v>
      </c>
      <c r="L425" s="12">
        <v>0</v>
      </c>
    </row>
    <row r="426" spans="1:12" ht="21.75" customHeight="1" x14ac:dyDescent="0.2">
      <c r="A426" s="5">
        <v>425</v>
      </c>
      <c r="B426" s="6" t="s">
        <v>12</v>
      </c>
      <c r="C426" s="7" t="s">
        <v>13</v>
      </c>
      <c r="D426" s="7" t="s">
        <v>1156</v>
      </c>
      <c r="E426" s="8" t="s">
        <v>1138</v>
      </c>
      <c r="F426" s="9">
        <v>0</v>
      </c>
      <c r="G426" s="5" t="s">
        <v>1128</v>
      </c>
      <c r="H426" s="7" t="s">
        <v>1157</v>
      </c>
      <c r="I426" s="10">
        <v>8021005001890</v>
      </c>
      <c r="K426" s="12">
        <v>0</v>
      </c>
      <c r="L426" s="12">
        <v>0</v>
      </c>
    </row>
    <row r="427" spans="1:12" ht="21.75" customHeight="1" x14ac:dyDescent="0.2">
      <c r="A427" s="5">
        <v>426</v>
      </c>
      <c r="B427" s="6" t="s">
        <v>12</v>
      </c>
      <c r="C427" s="7" t="s">
        <v>13</v>
      </c>
      <c r="D427" s="7" t="s">
        <v>1158</v>
      </c>
      <c r="E427" s="8" t="s">
        <v>1131</v>
      </c>
      <c r="F427" s="9">
        <v>0</v>
      </c>
      <c r="G427" s="5" t="s">
        <v>1128</v>
      </c>
      <c r="H427" s="7" t="s">
        <v>1159</v>
      </c>
      <c r="I427" s="10">
        <v>2021005001905</v>
      </c>
      <c r="K427" s="12">
        <v>0</v>
      </c>
      <c r="L427" s="12">
        <v>0</v>
      </c>
    </row>
    <row r="428" spans="1:12" ht="21.75" customHeight="1" x14ac:dyDescent="0.2">
      <c r="A428" s="5">
        <v>427</v>
      </c>
      <c r="B428" s="6" t="s">
        <v>12</v>
      </c>
      <c r="C428" s="7" t="s">
        <v>13</v>
      </c>
      <c r="D428" s="7" t="s">
        <v>55</v>
      </c>
      <c r="E428" s="8" t="s">
        <v>1127</v>
      </c>
      <c r="F428" s="9">
        <v>0</v>
      </c>
      <c r="G428" s="5" t="s">
        <v>1128</v>
      </c>
      <c r="H428" s="7" t="s">
        <v>1160</v>
      </c>
      <c r="I428" s="10">
        <v>7021005001909</v>
      </c>
      <c r="K428" s="12">
        <v>0</v>
      </c>
      <c r="L428" s="12">
        <v>0</v>
      </c>
    </row>
    <row r="429" spans="1:12" ht="21.75" customHeight="1" x14ac:dyDescent="0.2">
      <c r="A429" s="5">
        <v>428</v>
      </c>
      <c r="B429" s="6" t="s">
        <v>12</v>
      </c>
      <c r="C429" s="7" t="s">
        <v>13</v>
      </c>
      <c r="D429" s="7" t="s">
        <v>732</v>
      </c>
      <c r="E429" s="8" t="s">
        <v>1131</v>
      </c>
      <c r="F429" s="9">
        <v>0</v>
      </c>
      <c r="G429" s="5" t="s">
        <v>1128</v>
      </c>
      <c r="H429" s="7" t="s">
        <v>1161</v>
      </c>
      <c r="I429" s="10">
        <v>8021005001908</v>
      </c>
      <c r="K429" s="12">
        <v>0</v>
      </c>
      <c r="L429" s="12">
        <v>0</v>
      </c>
    </row>
    <row r="430" spans="1:12" ht="21.75" customHeight="1" x14ac:dyDescent="0.2">
      <c r="A430" s="5">
        <v>429</v>
      </c>
      <c r="B430" s="6" t="s">
        <v>12</v>
      </c>
      <c r="C430" s="7" t="s">
        <v>13</v>
      </c>
      <c r="D430" s="7" t="s">
        <v>732</v>
      </c>
      <c r="E430" s="8" t="s">
        <v>1131</v>
      </c>
      <c r="F430" s="9">
        <v>0</v>
      </c>
      <c r="G430" s="5" t="s">
        <v>1128</v>
      </c>
      <c r="H430" s="7" t="s">
        <v>1162</v>
      </c>
      <c r="I430" s="10">
        <v>3021005001904</v>
      </c>
      <c r="K430" s="12">
        <v>0</v>
      </c>
      <c r="L430" s="12">
        <v>0</v>
      </c>
    </row>
    <row r="431" spans="1:12" ht="21.75" customHeight="1" x14ac:dyDescent="0.2">
      <c r="A431" s="5">
        <v>430</v>
      </c>
      <c r="B431" s="6" t="s">
        <v>12</v>
      </c>
      <c r="C431" s="7" t="s">
        <v>13</v>
      </c>
      <c r="D431" s="7" t="s">
        <v>1163</v>
      </c>
      <c r="E431" s="8" t="s">
        <v>28</v>
      </c>
      <c r="F431" s="9">
        <v>0</v>
      </c>
      <c r="G431" s="5" t="s">
        <v>1128</v>
      </c>
      <c r="H431" s="7" t="s">
        <v>1164</v>
      </c>
      <c r="I431" s="10">
        <v>8021005001916</v>
      </c>
      <c r="K431" s="12">
        <v>0</v>
      </c>
      <c r="L431" s="12">
        <v>0</v>
      </c>
    </row>
    <row r="432" spans="1:12" ht="21.75" customHeight="1" x14ac:dyDescent="0.2">
      <c r="A432" s="5">
        <v>431</v>
      </c>
      <c r="B432" s="6" t="s">
        <v>12</v>
      </c>
      <c r="C432" s="7" t="s">
        <v>13</v>
      </c>
      <c r="D432" s="7" t="s">
        <v>69</v>
      </c>
      <c r="E432" s="8" t="s">
        <v>1131</v>
      </c>
      <c r="F432" s="9">
        <v>0</v>
      </c>
      <c r="G432" s="5" t="s">
        <v>1128</v>
      </c>
      <c r="H432" s="7" t="s">
        <v>1165</v>
      </c>
      <c r="I432" s="10">
        <v>7021005001917</v>
      </c>
      <c r="K432" s="12">
        <v>0</v>
      </c>
      <c r="L432" s="12">
        <v>0</v>
      </c>
    </row>
    <row r="433" spans="1:12" ht="21.75" customHeight="1" x14ac:dyDescent="0.2">
      <c r="A433" s="5">
        <v>432</v>
      </c>
      <c r="B433" s="6" t="s">
        <v>12</v>
      </c>
      <c r="C433" s="7" t="s">
        <v>13</v>
      </c>
      <c r="D433" s="7" t="s">
        <v>1166</v>
      </c>
      <c r="E433" s="8" t="s">
        <v>28</v>
      </c>
      <c r="F433" s="9">
        <v>0</v>
      </c>
      <c r="G433" s="5" t="s">
        <v>1128</v>
      </c>
      <c r="H433" s="7" t="s">
        <v>1167</v>
      </c>
      <c r="I433" s="10">
        <v>8021005001932</v>
      </c>
      <c r="K433" s="12">
        <v>0</v>
      </c>
      <c r="L433" s="12">
        <v>0</v>
      </c>
    </row>
    <row r="434" spans="1:12" ht="21.75" customHeight="1" x14ac:dyDescent="0.2">
      <c r="A434" s="5">
        <v>433</v>
      </c>
      <c r="B434" s="6" t="s">
        <v>12</v>
      </c>
      <c r="C434" s="7" t="s">
        <v>13</v>
      </c>
      <c r="D434" s="7" t="s">
        <v>1168</v>
      </c>
      <c r="E434" s="8" t="s">
        <v>1138</v>
      </c>
      <c r="F434" s="9">
        <v>0</v>
      </c>
      <c r="G434" s="5" t="s">
        <v>1128</v>
      </c>
      <c r="H434" s="7" t="s">
        <v>1169</v>
      </c>
      <c r="I434" s="10">
        <v>3021005001937</v>
      </c>
      <c r="K434" s="12">
        <v>0</v>
      </c>
      <c r="L434" s="12">
        <v>0</v>
      </c>
    </row>
    <row r="435" spans="1:12" ht="21.75" customHeight="1" x14ac:dyDescent="0.2">
      <c r="A435" s="5">
        <v>434</v>
      </c>
      <c r="B435" s="6" t="s">
        <v>12</v>
      </c>
      <c r="C435" s="7" t="s">
        <v>13</v>
      </c>
      <c r="D435" s="7" t="s">
        <v>1170</v>
      </c>
      <c r="E435" s="8" t="s">
        <v>1131</v>
      </c>
      <c r="F435" s="9">
        <v>0</v>
      </c>
      <c r="G435" s="5" t="s">
        <v>1128</v>
      </c>
      <c r="H435" s="7" t="s">
        <v>1171</v>
      </c>
      <c r="I435" s="10">
        <v>1021005001955</v>
      </c>
      <c r="K435" s="12">
        <v>0</v>
      </c>
      <c r="L435" s="12">
        <v>0</v>
      </c>
    </row>
    <row r="436" spans="1:12" ht="21.75" customHeight="1" x14ac:dyDescent="0.2">
      <c r="A436" s="5">
        <v>435</v>
      </c>
      <c r="B436" s="6" t="s">
        <v>12</v>
      </c>
      <c r="C436" s="7" t="s">
        <v>13</v>
      </c>
      <c r="D436" s="7" t="s">
        <v>100</v>
      </c>
      <c r="E436" s="8" t="s">
        <v>1131</v>
      </c>
      <c r="F436" s="9">
        <v>0</v>
      </c>
      <c r="G436" s="5" t="s">
        <v>1128</v>
      </c>
      <c r="H436" s="7" t="s">
        <v>1172</v>
      </c>
      <c r="I436" s="10">
        <v>7021005001999</v>
      </c>
      <c r="K436" s="12">
        <v>0</v>
      </c>
      <c r="L436" s="12">
        <v>0</v>
      </c>
    </row>
    <row r="437" spans="1:12" ht="21.75" customHeight="1" x14ac:dyDescent="0.2">
      <c r="A437" s="5">
        <v>436</v>
      </c>
      <c r="B437" s="6" t="s">
        <v>12</v>
      </c>
      <c r="C437" s="7" t="s">
        <v>13</v>
      </c>
      <c r="D437" s="7" t="s">
        <v>1173</v>
      </c>
      <c r="E437" s="8" t="s">
        <v>1127</v>
      </c>
      <c r="F437" s="9">
        <v>0</v>
      </c>
      <c r="G437" s="5" t="s">
        <v>1128</v>
      </c>
      <c r="H437" s="7" t="s">
        <v>1174</v>
      </c>
      <c r="I437" s="10">
        <v>7021005001958</v>
      </c>
      <c r="K437" s="12">
        <v>0</v>
      </c>
      <c r="L437" s="12">
        <v>0</v>
      </c>
    </row>
    <row r="438" spans="1:12" ht="21.75" customHeight="1" x14ac:dyDescent="0.2">
      <c r="A438" s="5">
        <v>437</v>
      </c>
      <c r="B438" s="6" t="s">
        <v>12</v>
      </c>
      <c r="C438" s="7" t="s">
        <v>13</v>
      </c>
      <c r="D438" s="7" t="s">
        <v>1175</v>
      </c>
      <c r="E438" s="8" t="s">
        <v>1138</v>
      </c>
      <c r="F438" s="9">
        <v>0</v>
      </c>
      <c r="G438" s="5" t="s">
        <v>1128</v>
      </c>
      <c r="H438" s="7" t="s">
        <v>1176</v>
      </c>
      <c r="I438" s="10">
        <v>7021005001982</v>
      </c>
      <c r="K438" s="12">
        <v>0</v>
      </c>
      <c r="L438" s="12">
        <v>0</v>
      </c>
    </row>
    <row r="439" spans="1:12" ht="21.75" customHeight="1" x14ac:dyDescent="0.2">
      <c r="A439" s="5">
        <v>438</v>
      </c>
      <c r="B439" s="6" t="s">
        <v>12</v>
      </c>
      <c r="C439" s="7" t="s">
        <v>13</v>
      </c>
      <c r="D439" s="7" t="s">
        <v>117</v>
      </c>
      <c r="E439" s="8" t="s">
        <v>1127</v>
      </c>
      <c r="F439" s="9">
        <v>0</v>
      </c>
      <c r="G439" s="5" t="s">
        <v>1128</v>
      </c>
      <c r="H439" s="7" t="s">
        <v>1177</v>
      </c>
      <c r="I439" s="10">
        <v>9021005001997</v>
      </c>
      <c r="K439" s="12">
        <v>0</v>
      </c>
      <c r="L439" s="12">
        <v>0</v>
      </c>
    </row>
    <row r="440" spans="1:12" ht="21.75" customHeight="1" x14ac:dyDescent="0.2">
      <c r="A440" s="5">
        <v>439</v>
      </c>
      <c r="B440" s="6" t="s">
        <v>12</v>
      </c>
      <c r="C440" s="7" t="s">
        <v>13</v>
      </c>
      <c r="D440" s="7" t="s">
        <v>117</v>
      </c>
      <c r="E440" s="8" t="s">
        <v>1138</v>
      </c>
      <c r="F440" s="9">
        <v>0</v>
      </c>
      <c r="G440" s="5" t="s">
        <v>1128</v>
      </c>
      <c r="H440" s="7" t="s">
        <v>1178</v>
      </c>
      <c r="I440" s="10">
        <v>1021005001996</v>
      </c>
      <c r="K440" s="12">
        <v>0</v>
      </c>
      <c r="L440" s="12">
        <v>0</v>
      </c>
    </row>
    <row r="441" spans="1:12" ht="21.75" customHeight="1" x14ac:dyDescent="0.2">
      <c r="A441" s="5">
        <v>440</v>
      </c>
      <c r="B441" s="6" t="s">
        <v>12</v>
      </c>
      <c r="C441" s="7" t="s">
        <v>13</v>
      </c>
      <c r="D441" s="7" t="s">
        <v>117</v>
      </c>
      <c r="E441" s="8" t="s">
        <v>1138</v>
      </c>
      <c r="F441" s="9">
        <v>0</v>
      </c>
      <c r="G441" s="5" t="s">
        <v>1128</v>
      </c>
      <c r="H441" s="7" t="s">
        <v>1179</v>
      </c>
      <c r="I441" s="10">
        <v>2021005001995</v>
      </c>
      <c r="K441" s="12">
        <v>0</v>
      </c>
      <c r="L441" s="12">
        <v>0</v>
      </c>
    </row>
    <row r="442" spans="1:12" ht="21.75" customHeight="1" x14ac:dyDescent="0.2">
      <c r="A442" s="5">
        <v>441</v>
      </c>
      <c r="B442" s="6" t="s">
        <v>12</v>
      </c>
      <c r="C442" s="7" t="s">
        <v>13</v>
      </c>
      <c r="D442" s="7" t="s">
        <v>1180</v>
      </c>
      <c r="E442" s="8" t="s">
        <v>28</v>
      </c>
      <c r="F442" s="9">
        <v>0</v>
      </c>
      <c r="G442" s="5" t="s">
        <v>1128</v>
      </c>
      <c r="H442" s="7" t="s">
        <v>1181</v>
      </c>
      <c r="I442" s="10">
        <v>8021005001998</v>
      </c>
      <c r="K442" s="12">
        <v>0</v>
      </c>
      <c r="L442" s="12">
        <v>0</v>
      </c>
    </row>
    <row r="443" spans="1:12" ht="21.75" customHeight="1" x14ac:dyDescent="0.2">
      <c r="A443" s="5">
        <v>442</v>
      </c>
      <c r="B443" s="6" t="s">
        <v>12</v>
      </c>
      <c r="C443" s="7" t="s">
        <v>13</v>
      </c>
      <c r="D443" s="7" t="s">
        <v>1182</v>
      </c>
      <c r="E443" s="8" t="s">
        <v>1183</v>
      </c>
      <c r="F443" s="9">
        <v>0</v>
      </c>
      <c r="G443" s="5" t="s">
        <v>1128</v>
      </c>
      <c r="H443" s="7" t="s">
        <v>1184</v>
      </c>
      <c r="I443" s="10">
        <v>7021005002007</v>
      </c>
      <c r="K443" s="12">
        <v>0</v>
      </c>
      <c r="L443" s="12">
        <v>0</v>
      </c>
    </row>
    <row r="444" spans="1:12" ht="21.75" customHeight="1" x14ac:dyDescent="0.2">
      <c r="A444" s="5">
        <v>443</v>
      </c>
      <c r="B444" s="6" t="s">
        <v>12</v>
      </c>
      <c r="C444" s="7" t="s">
        <v>1185</v>
      </c>
      <c r="D444" s="7" t="s">
        <v>1186</v>
      </c>
      <c r="E444" s="8" t="s">
        <v>1187</v>
      </c>
      <c r="F444" s="9">
        <v>0</v>
      </c>
      <c r="G444" s="5" t="s">
        <v>1128</v>
      </c>
      <c r="H444" s="7" t="s">
        <v>1188</v>
      </c>
      <c r="I444" s="10">
        <v>1021005001848</v>
      </c>
      <c r="K444" s="12">
        <v>0</v>
      </c>
      <c r="L444" s="12">
        <v>0</v>
      </c>
    </row>
    <row r="445" spans="1:12" ht="21.75" customHeight="1" x14ac:dyDescent="0.2">
      <c r="A445" s="5">
        <v>444</v>
      </c>
      <c r="B445" s="6" t="s">
        <v>12</v>
      </c>
      <c r="C445" s="7" t="s">
        <v>1185</v>
      </c>
      <c r="D445" s="7" t="s">
        <v>1189</v>
      </c>
      <c r="E445" s="8" t="s">
        <v>1190</v>
      </c>
      <c r="F445" s="9">
        <v>0</v>
      </c>
      <c r="G445" s="5" t="s">
        <v>1128</v>
      </c>
      <c r="H445" s="7" t="s">
        <v>1191</v>
      </c>
      <c r="I445" s="10">
        <v>1021005001856</v>
      </c>
      <c r="K445" s="12">
        <v>0</v>
      </c>
      <c r="L445" s="12">
        <v>0</v>
      </c>
    </row>
    <row r="446" spans="1:12" ht="21.75" customHeight="1" x14ac:dyDescent="0.2">
      <c r="A446" s="5">
        <v>445</v>
      </c>
      <c r="B446" s="6" t="s">
        <v>12</v>
      </c>
      <c r="C446" s="7" t="s">
        <v>1185</v>
      </c>
      <c r="D446" s="7" t="s">
        <v>1192</v>
      </c>
      <c r="E446" s="8" t="s">
        <v>1193</v>
      </c>
      <c r="F446" s="9">
        <v>0</v>
      </c>
      <c r="G446" s="5" t="s">
        <v>1128</v>
      </c>
      <c r="H446" s="7" t="s">
        <v>1194</v>
      </c>
      <c r="I446" s="10">
        <v>1021005001864</v>
      </c>
      <c r="K446" s="12">
        <v>0</v>
      </c>
      <c r="L446" s="12">
        <v>0</v>
      </c>
    </row>
    <row r="447" spans="1:12" ht="21.75" customHeight="1" x14ac:dyDescent="0.2">
      <c r="A447" s="5">
        <v>446</v>
      </c>
      <c r="B447" s="6" t="s">
        <v>12</v>
      </c>
      <c r="C447" s="7" t="s">
        <v>1185</v>
      </c>
      <c r="D447" s="7" t="s">
        <v>1195</v>
      </c>
      <c r="E447" s="8" t="s">
        <v>1187</v>
      </c>
      <c r="F447" s="9">
        <v>0</v>
      </c>
      <c r="G447" s="5" t="s">
        <v>1128</v>
      </c>
      <c r="H447" s="7" t="s">
        <v>1196</v>
      </c>
      <c r="I447" s="10">
        <v>4021005001911</v>
      </c>
      <c r="K447" s="12">
        <v>0</v>
      </c>
      <c r="L447" s="12">
        <v>0</v>
      </c>
    </row>
    <row r="448" spans="1:12" ht="21.75" customHeight="1" x14ac:dyDescent="0.2">
      <c r="A448" s="5">
        <v>447</v>
      </c>
      <c r="B448" s="6" t="s">
        <v>12</v>
      </c>
      <c r="C448" s="7" t="s">
        <v>1185</v>
      </c>
      <c r="D448" s="7" t="s">
        <v>1197</v>
      </c>
      <c r="E448" s="8" t="s">
        <v>1187</v>
      </c>
      <c r="F448" s="9">
        <v>0</v>
      </c>
      <c r="G448" s="5" t="s">
        <v>1128</v>
      </c>
      <c r="H448" s="7" t="s">
        <v>1198</v>
      </c>
      <c r="I448" s="10">
        <v>4021005001936</v>
      </c>
      <c r="K448" s="12">
        <v>0</v>
      </c>
      <c r="L448" s="12">
        <v>0</v>
      </c>
    </row>
    <row r="449" spans="1:12" ht="21.75" customHeight="1" x14ac:dyDescent="0.2">
      <c r="A449" s="5">
        <v>448</v>
      </c>
      <c r="B449" s="6" t="s">
        <v>12</v>
      </c>
      <c r="C449" s="7" t="s">
        <v>1185</v>
      </c>
      <c r="D449" s="7" t="s">
        <v>117</v>
      </c>
      <c r="E449" s="8" t="s">
        <v>1190</v>
      </c>
      <c r="F449" s="9">
        <v>0</v>
      </c>
      <c r="G449" s="5" t="s">
        <v>1128</v>
      </c>
      <c r="H449" s="7" t="s">
        <v>1199</v>
      </c>
      <c r="I449" s="10">
        <v>3021005001994</v>
      </c>
      <c r="K449" s="12">
        <v>0</v>
      </c>
      <c r="L449" s="12">
        <v>0</v>
      </c>
    </row>
    <row r="450" spans="1:12" ht="21.75" customHeight="1" x14ac:dyDescent="0.2">
      <c r="A450" s="5">
        <v>449</v>
      </c>
      <c r="B450" s="6" t="s">
        <v>12</v>
      </c>
      <c r="C450" s="7" t="s">
        <v>125</v>
      </c>
      <c r="D450" s="7" t="s">
        <v>1200</v>
      </c>
      <c r="E450" s="8" t="s">
        <v>1201</v>
      </c>
      <c r="F450" s="9">
        <v>0</v>
      </c>
      <c r="G450" s="5" t="s">
        <v>1128</v>
      </c>
      <c r="H450" s="7" t="s">
        <v>1202</v>
      </c>
      <c r="I450" s="10">
        <v>1021005001914</v>
      </c>
      <c r="K450" s="12">
        <v>0</v>
      </c>
      <c r="L450" s="12">
        <v>0</v>
      </c>
    </row>
    <row r="451" spans="1:12" ht="21.75" customHeight="1" x14ac:dyDescent="0.2">
      <c r="A451" s="5">
        <v>450</v>
      </c>
      <c r="B451" s="6" t="s">
        <v>12</v>
      </c>
      <c r="C451" s="7" t="s">
        <v>148</v>
      </c>
      <c r="D451" s="7" t="s">
        <v>1203</v>
      </c>
      <c r="E451" s="8" t="s">
        <v>1204</v>
      </c>
      <c r="F451" s="9">
        <v>0</v>
      </c>
      <c r="G451" s="5" t="s">
        <v>1128</v>
      </c>
      <c r="H451" s="7" t="s">
        <v>1205</v>
      </c>
      <c r="I451" s="10">
        <v>5020005000278</v>
      </c>
      <c r="K451" s="12">
        <v>0</v>
      </c>
      <c r="L451" s="12">
        <v>0</v>
      </c>
    </row>
    <row r="452" spans="1:12" ht="21.75" customHeight="1" x14ac:dyDescent="0.2">
      <c r="A452" s="5">
        <v>451</v>
      </c>
      <c r="B452" s="6" t="s">
        <v>12</v>
      </c>
      <c r="C452" s="7" t="s">
        <v>148</v>
      </c>
      <c r="D452" s="7" t="s">
        <v>1206</v>
      </c>
      <c r="E452" s="8" t="s">
        <v>1207</v>
      </c>
      <c r="F452" s="9">
        <v>0</v>
      </c>
      <c r="G452" s="5" t="s">
        <v>1128</v>
      </c>
      <c r="H452" s="7" t="s">
        <v>1208</v>
      </c>
      <c r="I452" s="10">
        <v>7021005001859</v>
      </c>
      <c r="K452" s="12">
        <v>0</v>
      </c>
      <c r="L452" s="12">
        <v>0</v>
      </c>
    </row>
    <row r="453" spans="1:12" ht="21.75" customHeight="1" x14ac:dyDescent="0.2">
      <c r="A453" s="5">
        <v>452</v>
      </c>
      <c r="B453" s="6" t="s">
        <v>152</v>
      </c>
      <c r="C453" s="7" t="s">
        <v>786</v>
      </c>
      <c r="D453" s="7" t="s">
        <v>1209</v>
      </c>
      <c r="E453" s="8" t="s">
        <v>1210</v>
      </c>
      <c r="F453" s="9">
        <v>0</v>
      </c>
      <c r="G453" s="5" t="s">
        <v>1128</v>
      </c>
      <c r="H453" s="7" t="s">
        <v>1211</v>
      </c>
      <c r="I453" s="10">
        <v>6021005001918</v>
      </c>
      <c r="K453" s="12">
        <v>0</v>
      </c>
      <c r="L453" s="12">
        <v>0</v>
      </c>
    </row>
    <row r="454" spans="1:12" ht="21.75" customHeight="1" x14ac:dyDescent="0.2">
      <c r="A454" s="5">
        <v>453</v>
      </c>
      <c r="B454" s="6" t="s">
        <v>152</v>
      </c>
      <c r="C454" s="7" t="s">
        <v>786</v>
      </c>
      <c r="D454" s="7" t="s">
        <v>1212</v>
      </c>
      <c r="E454" s="8" t="s">
        <v>1213</v>
      </c>
      <c r="F454" s="9">
        <v>0</v>
      </c>
      <c r="G454" s="5" t="s">
        <v>1128</v>
      </c>
      <c r="H454" s="7" t="s">
        <v>1214</v>
      </c>
      <c r="I454" s="10">
        <v>7021005001966</v>
      </c>
      <c r="K454" s="12">
        <v>0</v>
      </c>
      <c r="L454" s="12">
        <v>0</v>
      </c>
    </row>
    <row r="455" spans="1:12" ht="21.75" customHeight="1" x14ac:dyDescent="0.2">
      <c r="A455" s="5">
        <v>454</v>
      </c>
      <c r="B455" s="6" t="s">
        <v>152</v>
      </c>
      <c r="C455" s="7" t="s">
        <v>153</v>
      </c>
      <c r="D455" s="7" t="s">
        <v>1215</v>
      </c>
      <c r="E455" s="8" t="s">
        <v>1216</v>
      </c>
      <c r="F455" s="9">
        <v>0</v>
      </c>
      <c r="G455" s="5" t="s">
        <v>1128</v>
      </c>
      <c r="H455" s="7" t="s">
        <v>1217</v>
      </c>
      <c r="I455" s="10">
        <v>8021005001924</v>
      </c>
      <c r="K455" s="12">
        <v>0</v>
      </c>
      <c r="L455" s="12">
        <v>0</v>
      </c>
    </row>
    <row r="456" spans="1:12" ht="21.75" customHeight="1" x14ac:dyDescent="0.2">
      <c r="A456" s="5">
        <v>455</v>
      </c>
      <c r="B456" s="6" t="s">
        <v>152</v>
      </c>
      <c r="C456" s="7" t="s">
        <v>153</v>
      </c>
      <c r="D456" s="7" t="s">
        <v>434</v>
      </c>
      <c r="E456" s="8" t="s">
        <v>1218</v>
      </c>
      <c r="F456" s="9">
        <v>0</v>
      </c>
      <c r="G456" s="5" t="s">
        <v>1128</v>
      </c>
      <c r="H456" s="7" t="s">
        <v>1219</v>
      </c>
      <c r="I456" s="10">
        <v>5021005001943</v>
      </c>
      <c r="K456" s="12">
        <v>0</v>
      </c>
      <c r="L456" s="12">
        <v>0</v>
      </c>
    </row>
    <row r="457" spans="1:12" ht="21.75" customHeight="1" x14ac:dyDescent="0.2">
      <c r="A457" s="5">
        <v>456</v>
      </c>
      <c r="B457" s="6" t="s">
        <v>152</v>
      </c>
      <c r="C457" s="7" t="s">
        <v>153</v>
      </c>
      <c r="D457" s="7" t="s">
        <v>154</v>
      </c>
      <c r="E457" s="8" t="s">
        <v>1218</v>
      </c>
      <c r="F457" s="9">
        <v>0</v>
      </c>
      <c r="G457" s="5" t="s">
        <v>1128</v>
      </c>
      <c r="H457" s="7" t="s">
        <v>1220</v>
      </c>
      <c r="I457" s="10">
        <v>4021005001944</v>
      </c>
      <c r="K457" s="12">
        <v>0</v>
      </c>
      <c r="L457" s="12">
        <v>0</v>
      </c>
    </row>
    <row r="458" spans="1:12" ht="21.75" customHeight="1" x14ac:dyDescent="0.2">
      <c r="A458" s="5">
        <v>457</v>
      </c>
      <c r="B458" s="6" t="s">
        <v>152</v>
      </c>
      <c r="C458" s="7" t="s">
        <v>1221</v>
      </c>
      <c r="D458" s="7" t="s">
        <v>1222</v>
      </c>
      <c r="E458" s="8" t="s">
        <v>1223</v>
      </c>
      <c r="F458" s="9">
        <v>0</v>
      </c>
      <c r="G458" s="5" t="s">
        <v>1128</v>
      </c>
      <c r="H458" s="7" t="s">
        <v>1224</v>
      </c>
      <c r="I458" s="10">
        <v>6021005001851</v>
      </c>
      <c r="K458" s="12">
        <v>0</v>
      </c>
      <c r="L458" s="12">
        <v>0</v>
      </c>
    </row>
    <row r="459" spans="1:12" ht="21.75" customHeight="1" x14ac:dyDescent="0.2">
      <c r="A459" s="5">
        <v>458</v>
      </c>
      <c r="B459" s="6" t="s">
        <v>152</v>
      </c>
      <c r="C459" s="7" t="s">
        <v>1221</v>
      </c>
      <c r="D459" s="7" t="s">
        <v>1225</v>
      </c>
      <c r="E459" s="8" t="s">
        <v>1226</v>
      </c>
      <c r="F459" s="9">
        <v>0</v>
      </c>
      <c r="G459" s="5" t="s">
        <v>1128</v>
      </c>
      <c r="H459" s="7" t="s">
        <v>1227</v>
      </c>
      <c r="I459" s="10">
        <v>2021005001913</v>
      </c>
      <c r="K459" s="12">
        <v>0</v>
      </c>
      <c r="L459" s="12">
        <v>0</v>
      </c>
    </row>
    <row r="460" spans="1:12" ht="21.75" customHeight="1" x14ac:dyDescent="0.2">
      <c r="A460" s="5">
        <v>459</v>
      </c>
      <c r="B460" s="6" t="s">
        <v>152</v>
      </c>
      <c r="C460" s="7" t="s">
        <v>1221</v>
      </c>
      <c r="D460" s="7" t="s">
        <v>828</v>
      </c>
      <c r="E460" s="8" t="s">
        <v>1228</v>
      </c>
      <c r="F460" s="9">
        <v>0</v>
      </c>
      <c r="G460" s="5" t="s">
        <v>1128</v>
      </c>
      <c r="H460" s="7" t="s">
        <v>1229</v>
      </c>
      <c r="I460" s="10">
        <v>7021005001990</v>
      </c>
      <c r="K460" s="12">
        <v>0</v>
      </c>
      <c r="L460" s="12">
        <v>0</v>
      </c>
    </row>
    <row r="461" spans="1:12" ht="21.75" customHeight="1" x14ac:dyDescent="0.2">
      <c r="A461" s="5">
        <v>460</v>
      </c>
      <c r="B461" s="6" t="s">
        <v>152</v>
      </c>
      <c r="C461" s="7" t="s">
        <v>160</v>
      </c>
      <c r="D461" s="7" t="s">
        <v>1230</v>
      </c>
      <c r="E461" s="8" t="s">
        <v>1231</v>
      </c>
      <c r="F461" s="9">
        <v>0</v>
      </c>
      <c r="G461" s="5" t="s">
        <v>1128</v>
      </c>
      <c r="H461" s="7" t="s">
        <v>1232</v>
      </c>
      <c r="I461" s="10">
        <v>5021005001844</v>
      </c>
      <c r="K461" s="12">
        <v>0</v>
      </c>
      <c r="L461" s="12">
        <v>0</v>
      </c>
    </row>
    <row r="462" spans="1:12" ht="21.75" customHeight="1" x14ac:dyDescent="0.2">
      <c r="A462" s="5">
        <v>461</v>
      </c>
      <c r="B462" s="6" t="s">
        <v>152</v>
      </c>
      <c r="C462" s="7" t="s">
        <v>160</v>
      </c>
      <c r="D462" s="7" t="s">
        <v>1233</v>
      </c>
      <c r="E462" s="8" t="s">
        <v>1234</v>
      </c>
      <c r="F462" s="9">
        <v>0</v>
      </c>
      <c r="G462" s="5" t="s">
        <v>1128</v>
      </c>
      <c r="H462" s="7" t="s">
        <v>1235</v>
      </c>
      <c r="I462" s="10">
        <v>3021005001862</v>
      </c>
      <c r="K462" s="12">
        <v>0</v>
      </c>
      <c r="L462" s="12">
        <v>0</v>
      </c>
    </row>
    <row r="463" spans="1:12" ht="21.75" customHeight="1" x14ac:dyDescent="0.2">
      <c r="A463" s="5">
        <v>462</v>
      </c>
      <c r="B463" s="6" t="s">
        <v>152</v>
      </c>
      <c r="C463" s="7" t="s">
        <v>160</v>
      </c>
      <c r="D463" s="7" t="s">
        <v>1236</v>
      </c>
      <c r="E463" s="8" t="s">
        <v>1237</v>
      </c>
      <c r="F463" s="9">
        <v>0</v>
      </c>
      <c r="G463" s="5" t="s">
        <v>1128</v>
      </c>
      <c r="H463" s="7" t="s">
        <v>1238</v>
      </c>
      <c r="I463" s="10">
        <v>2021005001921</v>
      </c>
      <c r="K463" s="12">
        <v>0</v>
      </c>
      <c r="L463" s="12">
        <v>0</v>
      </c>
    </row>
    <row r="464" spans="1:12" ht="21.75" customHeight="1" x14ac:dyDescent="0.2">
      <c r="A464" s="5">
        <v>463</v>
      </c>
      <c r="B464" s="6" t="s">
        <v>152</v>
      </c>
      <c r="C464" s="7" t="s">
        <v>160</v>
      </c>
      <c r="D464" s="7" t="s">
        <v>1239</v>
      </c>
      <c r="E464" s="8" t="s">
        <v>1240</v>
      </c>
      <c r="F464" s="9">
        <v>0</v>
      </c>
      <c r="G464" s="5" t="s">
        <v>1128</v>
      </c>
      <c r="H464" s="7" t="s">
        <v>1241</v>
      </c>
      <c r="I464" s="10">
        <v>6021005001892</v>
      </c>
      <c r="K464" s="12">
        <v>0</v>
      </c>
      <c r="L464" s="12">
        <v>0</v>
      </c>
    </row>
    <row r="465" spans="1:12" ht="21.75" customHeight="1" x14ac:dyDescent="0.2">
      <c r="A465" s="5">
        <v>464</v>
      </c>
      <c r="B465" s="6" t="s">
        <v>152</v>
      </c>
      <c r="C465" s="7" t="s">
        <v>160</v>
      </c>
      <c r="D465" s="7" t="s">
        <v>1242</v>
      </c>
      <c r="E465" s="8" t="s">
        <v>1243</v>
      </c>
      <c r="F465" s="9">
        <v>0</v>
      </c>
      <c r="G465" s="5" t="s">
        <v>1128</v>
      </c>
      <c r="H465" s="7" t="s">
        <v>1244</v>
      </c>
      <c r="I465" s="10">
        <v>3021005001920</v>
      </c>
      <c r="K465" s="12">
        <v>0</v>
      </c>
      <c r="L465" s="12">
        <v>0</v>
      </c>
    </row>
    <row r="466" spans="1:12" ht="21.75" customHeight="1" x14ac:dyDescent="0.2">
      <c r="A466" s="5">
        <v>465</v>
      </c>
      <c r="B466" s="6" t="s">
        <v>152</v>
      </c>
      <c r="C466" s="7" t="s">
        <v>160</v>
      </c>
      <c r="D466" s="7" t="s">
        <v>1245</v>
      </c>
      <c r="E466" s="8" t="s">
        <v>1246</v>
      </c>
      <c r="F466" s="9">
        <v>0</v>
      </c>
      <c r="G466" s="5" t="s">
        <v>1128</v>
      </c>
      <c r="H466" s="7" t="s">
        <v>1247</v>
      </c>
      <c r="I466" s="10">
        <v>4021005001928</v>
      </c>
      <c r="K466" s="12">
        <v>0</v>
      </c>
      <c r="L466" s="12">
        <v>0</v>
      </c>
    </row>
    <row r="467" spans="1:12" ht="21.75" customHeight="1" x14ac:dyDescent="0.2">
      <c r="A467" s="5">
        <v>466</v>
      </c>
      <c r="B467" s="6" t="s">
        <v>152</v>
      </c>
      <c r="C467" s="7" t="s">
        <v>160</v>
      </c>
      <c r="D467" s="7" t="s">
        <v>1248</v>
      </c>
      <c r="E467" s="8" t="s">
        <v>1249</v>
      </c>
      <c r="F467" s="9">
        <v>0</v>
      </c>
      <c r="G467" s="5" t="s">
        <v>1128</v>
      </c>
      <c r="H467" s="7" t="s">
        <v>1250</v>
      </c>
      <c r="I467" s="10">
        <v>6021005001959</v>
      </c>
      <c r="K467" s="12">
        <v>0</v>
      </c>
      <c r="L467" s="12">
        <v>0</v>
      </c>
    </row>
    <row r="468" spans="1:12" ht="21.75" customHeight="1" x14ac:dyDescent="0.2">
      <c r="A468" s="5">
        <v>467</v>
      </c>
      <c r="B468" s="6" t="s">
        <v>152</v>
      </c>
      <c r="C468" s="7" t="s">
        <v>160</v>
      </c>
      <c r="D468" s="7" t="s">
        <v>880</v>
      </c>
      <c r="E468" s="8" t="s">
        <v>1251</v>
      </c>
      <c r="F468" s="9">
        <v>0</v>
      </c>
      <c r="G468" s="5" t="s">
        <v>1128</v>
      </c>
      <c r="H468" s="7" t="s">
        <v>1252</v>
      </c>
      <c r="I468" s="10">
        <v>8021005001973</v>
      </c>
      <c r="K468" s="12">
        <v>0</v>
      </c>
      <c r="L468" s="12">
        <v>0</v>
      </c>
    </row>
    <row r="469" spans="1:12" ht="21.75" customHeight="1" x14ac:dyDescent="0.2">
      <c r="A469" s="5">
        <v>468</v>
      </c>
      <c r="B469" s="6" t="s">
        <v>152</v>
      </c>
      <c r="C469" s="7" t="s">
        <v>160</v>
      </c>
      <c r="D469" s="7" t="s">
        <v>1253</v>
      </c>
      <c r="E469" s="8" t="s">
        <v>1254</v>
      </c>
      <c r="F469" s="9">
        <v>0</v>
      </c>
      <c r="G469" s="5" t="s">
        <v>1128</v>
      </c>
      <c r="H469" s="7" t="s">
        <v>1255</v>
      </c>
      <c r="I469" s="10">
        <v>5021005001976</v>
      </c>
      <c r="K469" s="12">
        <v>0</v>
      </c>
      <c r="L469" s="12">
        <v>0</v>
      </c>
    </row>
    <row r="470" spans="1:12" ht="21.75" customHeight="1" x14ac:dyDescent="0.2">
      <c r="A470" s="5">
        <v>469</v>
      </c>
      <c r="B470" s="6" t="s">
        <v>152</v>
      </c>
      <c r="C470" s="7" t="s">
        <v>172</v>
      </c>
      <c r="D470" s="7" t="s">
        <v>1256</v>
      </c>
      <c r="E470" s="8" t="s">
        <v>1257</v>
      </c>
      <c r="F470" s="9">
        <v>0</v>
      </c>
      <c r="G470" s="5" t="s">
        <v>1128</v>
      </c>
      <c r="H470" s="7" t="s">
        <v>1258</v>
      </c>
      <c r="I470" s="10">
        <v>9021005001832</v>
      </c>
      <c r="K470" s="12">
        <v>0</v>
      </c>
      <c r="L470" s="12">
        <v>0</v>
      </c>
    </row>
    <row r="471" spans="1:12" ht="21.75" customHeight="1" x14ac:dyDescent="0.2">
      <c r="A471" s="5">
        <v>470</v>
      </c>
      <c r="B471" s="6" t="s">
        <v>152</v>
      </c>
      <c r="C471" s="7" t="s">
        <v>172</v>
      </c>
      <c r="D471" s="7" t="s">
        <v>1259</v>
      </c>
      <c r="E471" s="8" t="s">
        <v>1260</v>
      </c>
      <c r="F471" s="9">
        <v>0</v>
      </c>
      <c r="G471" s="5" t="s">
        <v>1128</v>
      </c>
      <c r="H471" s="7" t="s">
        <v>1261</v>
      </c>
      <c r="I471" s="10">
        <v>7021005001842</v>
      </c>
      <c r="K471" s="12">
        <v>0</v>
      </c>
      <c r="L471" s="12">
        <v>0</v>
      </c>
    </row>
    <row r="472" spans="1:12" ht="21.75" customHeight="1" x14ac:dyDescent="0.2">
      <c r="A472" s="5">
        <v>471</v>
      </c>
      <c r="B472" s="6" t="s">
        <v>152</v>
      </c>
      <c r="C472" s="7" t="s">
        <v>172</v>
      </c>
      <c r="D472" s="7" t="s">
        <v>787</v>
      </c>
      <c r="E472" s="8" t="s">
        <v>1262</v>
      </c>
      <c r="F472" s="9">
        <v>0</v>
      </c>
      <c r="G472" s="5" t="s">
        <v>1128</v>
      </c>
      <c r="H472" s="7" t="s">
        <v>1263</v>
      </c>
      <c r="I472" s="10">
        <v>3021005001846</v>
      </c>
      <c r="K472" s="12">
        <v>0</v>
      </c>
      <c r="L472" s="12">
        <v>0</v>
      </c>
    </row>
    <row r="473" spans="1:12" ht="21.75" customHeight="1" x14ac:dyDescent="0.2">
      <c r="A473" s="5">
        <v>472</v>
      </c>
      <c r="B473" s="6" t="s">
        <v>152</v>
      </c>
      <c r="C473" s="7" t="s">
        <v>172</v>
      </c>
      <c r="D473" s="7" t="s">
        <v>1264</v>
      </c>
      <c r="E473" s="8" t="s">
        <v>1265</v>
      </c>
      <c r="F473" s="9">
        <v>0</v>
      </c>
      <c r="G473" s="5" t="s">
        <v>1128</v>
      </c>
      <c r="H473" s="7" t="s">
        <v>1266</v>
      </c>
      <c r="I473" s="10">
        <v>4021005001861</v>
      </c>
      <c r="K473" s="12">
        <v>0</v>
      </c>
      <c r="L473" s="12">
        <v>0</v>
      </c>
    </row>
    <row r="474" spans="1:12" ht="21.75" customHeight="1" x14ac:dyDescent="0.2">
      <c r="A474" s="5">
        <v>473</v>
      </c>
      <c r="B474" s="6" t="s">
        <v>152</v>
      </c>
      <c r="C474" s="7" t="s">
        <v>172</v>
      </c>
      <c r="D474" s="7" t="s">
        <v>1267</v>
      </c>
      <c r="E474" s="8" t="s">
        <v>1268</v>
      </c>
      <c r="F474" s="9">
        <v>0</v>
      </c>
      <c r="G474" s="5" t="s">
        <v>1128</v>
      </c>
      <c r="H474" s="7" t="s">
        <v>1269</v>
      </c>
      <c r="I474" s="10">
        <v>7021005001883</v>
      </c>
      <c r="K474" s="12">
        <v>0</v>
      </c>
      <c r="L474" s="12">
        <v>0</v>
      </c>
    </row>
    <row r="475" spans="1:12" ht="21.75" customHeight="1" x14ac:dyDescent="0.2">
      <c r="A475" s="5">
        <v>474</v>
      </c>
      <c r="B475" s="6" t="s">
        <v>152</v>
      </c>
      <c r="C475" s="7" t="s">
        <v>172</v>
      </c>
      <c r="D475" s="7" t="s">
        <v>793</v>
      </c>
      <c r="E475" s="8" t="s">
        <v>1270</v>
      </c>
      <c r="F475" s="9">
        <v>0</v>
      </c>
      <c r="G475" s="5" t="s">
        <v>1128</v>
      </c>
      <c r="H475" s="7" t="s">
        <v>1271</v>
      </c>
      <c r="I475" s="10">
        <v>5021005001885</v>
      </c>
      <c r="K475" s="12">
        <v>0</v>
      </c>
      <c r="L475" s="12">
        <v>0</v>
      </c>
    </row>
    <row r="476" spans="1:12" ht="21.75" customHeight="1" x14ac:dyDescent="0.2">
      <c r="A476" s="5">
        <v>475</v>
      </c>
      <c r="B476" s="6" t="s">
        <v>152</v>
      </c>
      <c r="C476" s="7" t="s">
        <v>172</v>
      </c>
      <c r="D476" s="7" t="s">
        <v>1272</v>
      </c>
      <c r="E476" s="8" t="s">
        <v>1273</v>
      </c>
      <c r="F476" s="9">
        <v>0</v>
      </c>
      <c r="G476" s="5" t="s">
        <v>1128</v>
      </c>
      <c r="H476" s="7" t="s">
        <v>1274</v>
      </c>
      <c r="I476" s="10">
        <v>1021005001889</v>
      </c>
      <c r="K476" s="12">
        <v>0</v>
      </c>
      <c r="L476" s="12">
        <v>0</v>
      </c>
    </row>
    <row r="477" spans="1:12" ht="21.75" customHeight="1" x14ac:dyDescent="0.2">
      <c r="A477" s="5">
        <v>476</v>
      </c>
      <c r="B477" s="6" t="s">
        <v>152</v>
      </c>
      <c r="C477" s="7" t="s">
        <v>172</v>
      </c>
      <c r="D477" s="7" t="s">
        <v>299</v>
      </c>
      <c r="E477" s="8" t="s">
        <v>1275</v>
      </c>
      <c r="F477" s="9">
        <v>0</v>
      </c>
      <c r="G477" s="5" t="s">
        <v>1128</v>
      </c>
      <c r="H477" s="7" t="s">
        <v>1276</v>
      </c>
      <c r="I477" s="10">
        <v>4021005001903</v>
      </c>
      <c r="K477" s="12">
        <v>0</v>
      </c>
      <c r="L477" s="12">
        <v>0</v>
      </c>
    </row>
    <row r="478" spans="1:12" ht="21.75" customHeight="1" x14ac:dyDescent="0.2">
      <c r="A478" s="5">
        <v>477</v>
      </c>
      <c r="B478" s="6" t="s">
        <v>152</v>
      </c>
      <c r="C478" s="7" t="s">
        <v>172</v>
      </c>
      <c r="D478" s="7" t="s">
        <v>1277</v>
      </c>
      <c r="E478" s="8" t="s">
        <v>1278</v>
      </c>
      <c r="F478" s="9">
        <v>0</v>
      </c>
      <c r="G478" s="5" t="s">
        <v>1128</v>
      </c>
      <c r="H478" s="7" t="s">
        <v>1279</v>
      </c>
      <c r="I478" s="10">
        <v>5021005001919</v>
      </c>
      <c r="K478" s="12">
        <v>0</v>
      </c>
      <c r="L478" s="12">
        <v>0</v>
      </c>
    </row>
    <row r="479" spans="1:12" ht="21.75" customHeight="1" x14ac:dyDescent="0.2">
      <c r="A479" s="5">
        <v>478</v>
      </c>
      <c r="B479" s="6" t="s">
        <v>152</v>
      </c>
      <c r="C479" s="7" t="s">
        <v>172</v>
      </c>
      <c r="D479" s="7" t="s">
        <v>1280</v>
      </c>
      <c r="E479" s="8" t="s">
        <v>1281</v>
      </c>
      <c r="F479" s="9">
        <v>0</v>
      </c>
      <c r="G479" s="5" t="s">
        <v>1128</v>
      </c>
      <c r="H479" s="7" t="s">
        <v>1282</v>
      </c>
      <c r="I479" s="10">
        <v>3021005001929</v>
      </c>
      <c r="K479" s="12">
        <v>0</v>
      </c>
      <c r="L479" s="12">
        <v>0</v>
      </c>
    </row>
    <row r="480" spans="1:12" ht="21.75" customHeight="1" x14ac:dyDescent="0.2">
      <c r="A480" s="5">
        <v>479</v>
      </c>
      <c r="B480" s="6" t="s">
        <v>152</v>
      </c>
      <c r="C480" s="7" t="s">
        <v>172</v>
      </c>
      <c r="D480" s="7" t="s">
        <v>1283</v>
      </c>
      <c r="E480" s="8" t="s">
        <v>1284</v>
      </c>
      <c r="F480" s="9">
        <v>0</v>
      </c>
      <c r="G480" s="5" t="s">
        <v>1128</v>
      </c>
      <c r="H480" s="7" t="s">
        <v>1285</v>
      </c>
      <c r="I480" s="10">
        <v>2021005001938</v>
      </c>
      <c r="K480" s="12">
        <v>0</v>
      </c>
      <c r="L480" s="12">
        <v>0</v>
      </c>
    </row>
    <row r="481" spans="1:12" ht="21.75" customHeight="1" x14ac:dyDescent="0.2">
      <c r="A481" s="5">
        <v>480</v>
      </c>
      <c r="B481" s="6" t="s">
        <v>152</v>
      </c>
      <c r="C481" s="7" t="s">
        <v>172</v>
      </c>
      <c r="D481" s="7" t="s">
        <v>1286</v>
      </c>
      <c r="E481" s="8" t="s">
        <v>1287</v>
      </c>
      <c r="F481" s="9">
        <v>0</v>
      </c>
      <c r="G481" s="5" t="s">
        <v>1128</v>
      </c>
      <c r="H481" s="7" t="s">
        <v>1288</v>
      </c>
      <c r="I481" s="10">
        <v>5021005002009</v>
      </c>
      <c r="J481" s="11" t="s">
        <v>2931</v>
      </c>
      <c r="K481" s="12" t="s">
        <v>1289</v>
      </c>
      <c r="L481" s="12">
        <v>0</v>
      </c>
    </row>
    <row r="482" spans="1:12" ht="21.75" customHeight="1" x14ac:dyDescent="0.2">
      <c r="A482" s="5">
        <v>481</v>
      </c>
      <c r="B482" s="6" t="s">
        <v>152</v>
      </c>
      <c r="C482" s="7" t="s">
        <v>277</v>
      </c>
      <c r="D482" s="7" t="s">
        <v>1290</v>
      </c>
      <c r="E482" s="8" t="s">
        <v>1291</v>
      </c>
      <c r="F482" s="9">
        <v>0</v>
      </c>
      <c r="G482" s="5" t="s">
        <v>1128</v>
      </c>
      <c r="H482" s="7" t="s">
        <v>1292</v>
      </c>
      <c r="I482" s="10">
        <v>6021005002148</v>
      </c>
      <c r="K482" s="12">
        <v>0</v>
      </c>
      <c r="L482" s="12">
        <v>0</v>
      </c>
    </row>
    <row r="483" spans="1:12" ht="21.75" customHeight="1" x14ac:dyDescent="0.2">
      <c r="A483" s="5">
        <v>482</v>
      </c>
      <c r="B483" s="6" t="s">
        <v>152</v>
      </c>
      <c r="C483" s="7" t="s">
        <v>277</v>
      </c>
      <c r="D483" s="7" t="s">
        <v>1293</v>
      </c>
      <c r="E483" s="8" t="s">
        <v>1294</v>
      </c>
      <c r="F483" s="9">
        <v>0</v>
      </c>
      <c r="G483" s="5" t="s">
        <v>1128</v>
      </c>
      <c r="H483" s="7" t="s">
        <v>1295</v>
      </c>
      <c r="I483" s="10">
        <v>5021005001902</v>
      </c>
      <c r="K483" s="12">
        <v>0</v>
      </c>
      <c r="L483" s="12">
        <v>0</v>
      </c>
    </row>
    <row r="484" spans="1:12" ht="21.75" customHeight="1" x14ac:dyDescent="0.2">
      <c r="A484" s="5">
        <v>483</v>
      </c>
      <c r="B484" s="6" t="s">
        <v>152</v>
      </c>
      <c r="C484" s="7" t="s">
        <v>337</v>
      </c>
      <c r="D484" s="7" t="s">
        <v>1296</v>
      </c>
      <c r="E484" s="8" t="s">
        <v>1297</v>
      </c>
      <c r="F484" s="9">
        <v>0</v>
      </c>
      <c r="G484" s="5" t="s">
        <v>1128</v>
      </c>
      <c r="H484" s="7" t="s">
        <v>1298</v>
      </c>
      <c r="I484" s="10">
        <v>8021005001858</v>
      </c>
      <c r="K484" s="12">
        <v>0</v>
      </c>
      <c r="L484" s="12">
        <v>0</v>
      </c>
    </row>
    <row r="485" spans="1:12" ht="21.75" customHeight="1" x14ac:dyDescent="0.2">
      <c r="A485" s="5">
        <v>484</v>
      </c>
      <c r="B485" s="6" t="s">
        <v>152</v>
      </c>
      <c r="C485" s="7" t="s">
        <v>337</v>
      </c>
      <c r="D485" s="7" t="s">
        <v>1299</v>
      </c>
      <c r="E485" s="8" t="s">
        <v>1300</v>
      </c>
      <c r="F485" s="9">
        <v>0</v>
      </c>
      <c r="G485" s="5" t="s">
        <v>1128</v>
      </c>
      <c r="H485" s="7" t="s">
        <v>1301</v>
      </c>
      <c r="I485" s="10">
        <v>4021005001886</v>
      </c>
      <c r="K485" s="12">
        <v>0</v>
      </c>
      <c r="L485" s="12">
        <v>0</v>
      </c>
    </row>
    <row r="486" spans="1:12" ht="21.75" customHeight="1" x14ac:dyDescent="0.2">
      <c r="A486" s="5">
        <v>485</v>
      </c>
      <c r="B486" s="6" t="s">
        <v>152</v>
      </c>
      <c r="C486" s="7" t="s">
        <v>337</v>
      </c>
      <c r="D486" s="7" t="s">
        <v>1302</v>
      </c>
      <c r="E486" s="8" t="s">
        <v>1303</v>
      </c>
      <c r="F486" s="9">
        <v>0</v>
      </c>
      <c r="G486" s="5" t="s">
        <v>1128</v>
      </c>
      <c r="H486" s="7" t="s">
        <v>1304</v>
      </c>
      <c r="I486" s="10">
        <v>5021005001877</v>
      </c>
      <c r="K486" s="12">
        <v>0</v>
      </c>
      <c r="L486" s="12">
        <v>0</v>
      </c>
    </row>
    <row r="487" spans="1:12" ht="21.75" customHeight="1" x14ac:dyDescent="0.2">
      <c r="A487" s="5">
        <v>486</v>
      </c>
      <c r="B487" s="6" t="s">
        <v>152</v>
      </c>
      <c r="C487" s="7" t="s">
        <v>337</v>
      </c>
      <c r="D487" s="7" t="s">
        <v>1305</v>
      </c>
      <c r="E487" s="8" t="s">
        <v>1306</v>
      </c>
      <c r="F487" s="9">
        <v>0</v>
      </c>
      <c r="G487" s="5" t="s">
        <v>1128</v>
      </c>
      <c r="H487" s="7" t="s">
        <v>1307</v>
      </c>
      <c r="I487" s="10">
        <v>3021005001887</v>
      </c>
      <c r="K487" s="12">
        <v>0</v>
      </c>
      <c r="L487" s="12">
        <v>0</v>
      </c>
    </row>
    <row r="488" spans="1:12" ht="21.75" customHeight="1" x14ac:dyDescent="0.2">
      <c r="A488" s="5">
        <v>487</v>
      </c>
      <c r="B488" s="6" t="s">
        <v>152</v>
      </c>
      <c r="C488" s="7" t="s">
        <v>337</v>
      </c>
      <c r="D488" s="7" t="s">
        <v>1308</v>
      </c>
      <c r="E488" s="8" t="s">
        <v>1309</v>
      </c>
      <c r="F488" s="9">
        <v>0</v>
      </c>
      <c r="G488" s="5" t="s">
        <v>1128</v>
      </c>
      <c r="H488" s="7" t="s">
        <v>1310</v>
      </c>
      <c r="I488" s="10">
        <v>9021005001964</v>
      </c>
      <c r="K488" s="12">
        <v>0</v>
      </c>
      <c r="L488" s="12">
        <v>0</v>
      </c>
    </row>
    <row r="489" spans="1:12" ht="21.75" customHeight="1" x14ac:dyDescent="0.2">
      <c r="A489" s="5">
        <v>488</v>
      </c>
      <c r="B489" s="6" t="s">
        <v>152</v>
      </c>
      <c r="C489" s="7" t="s">
        <v>337</v>
      </c>
      <c r="D489" s="7" t="s">
        <v>1311</v>
      </c>
      <c r="E489" s="8" t="s">
        <v>1312</v>
      </c>
      <c r="F489" s="9">
        <v>0</v>
      </c>
      <c r="G489" s="5" t="s">
        <v>1128</v>
      </c>
      <c r="H489" s="7" t="s">
        <v>1313</v>
      </c>
      <c r="I489" s="10">
        <v>5021005002000</v>
      </c>
      <c r="K489" s="12">
        <v>0</v>
      </c>
      <c r="L489" s="12">
        <v>0</v>
      </c>
    </row>
    <row r="490" spans="1:12" ht="21.75" customHeight="1" x14ac:dyDescent="0.2">
      <c r="A490" s="5">
        <v>489</v>
      </c>
      <c r="B490" s="6" t="s">
        <v>152</v>
      </c>
      <c r="C490" s="7" t="s">
        <v>337</v>
      </c>
      <c r="D490" s="7" t="s">
        <v>1311</v>
      </c>
      <c r="E490" s="8" t="s">
        <v>1314</v>
      </c>
      <c r="F490" s="9">
        <v>0</v>
      </c>
      <c r="G490" s="5" t="s">
        <v>1128</v>
      </c>
      <c r="H490" s="7" t="s">
        <v>1315</v>
      </c>
      <c r="I490" s="10">
        <v>4021005002001</v>
      </c>
      <c r="K490" s="12">
        <v>0</v>
      </c>
      <c r="L490" s="12">
        <v>0</v>
      </c>
    </row>
    <row r="491" spans="1:12" ht="21.75" customHeight="1" x14ac:dyDescent="0.2">
      <c r="A491" s="5">
        <v>490</v>
      </c>
      <c r="B491" s="6" t="s">
        <v>152</v>
      </c>
      <c r="C491" s="7" t="s">
        <v>341</v>
      </c>
      <c r="D491" s="7" t="s">
        <v>1316</v>
      </c>
      <c r="E491" s="8" t="s">
        <v>1317</v>
      </c>
      <c r="F491" s="9">
        <v>0</v>
      </c>
      <c r="G491" s="5" t="s">
        <v>1128</v>
      </c>
      <c r="H491" s="7" t="s">
        <v>1318</v>
      </c>
      <c r="I491" s="10">
        <v>6021005001843</v>
      </c>
      <c r="K491" s="12">
        <v>0</v>
      </c>
      <c r="L491" s="12">
        <v>0</v>
      </c>
    </row>
    <row r="492" spans="1:12" ht="21.75" customHeight="1" x14ac:dyDescent="0.2">
      <c r="A492" s="5">
        <v>491</v>
      </c>
      <c r="B492" s="6" t="s">
        <v>152</v>
      </c>
      <c r="C492" s="7" t="s">
        <v>341</v>
      </c>
      <c r="D492" s="7" t="s">
        <v>1319</v>
      </c>
      <c r="E492" s="8" t="s">
        <v>1320</v>
      </c>
      <c r="F492" s="9">
        <v>0</v>
      </c>
      <c r="G492" s="5" t="s">
        <v>1128</v>
      </c>
      <c r="H492" s="7" t="s">
        <v>1321</v>
      </c>
      <c r="I492" s="10">
        <v>4021005001853</v>
      </c>
      <c r="K492" s="12">
        <v>0</v>
      </c>
      <c r="L492" s="12">
        <v>0</v>
      </c>
    </row>
    <row r="493" spans="1:12" ht="21.75" customHeight="1" x14ac:dyDescent="0.2">
      <c r="A493" s="5">
        <v>492</v>
      </c>
      <c r="B493" s="6" t="s">
        <v>152</v>
      </c>
      <c r="C493" s="7" t="s">
        <v>341</v>
      </c>
      <c r="D493" s="7" t="s">
        <v>1322</v>
      </c>
      <c r="E493" s="8" t="s">
        <v>1323</v>
      </c>
      <c r="F493" s="9">
        <v>0</v>
      </c>
      <c r="G493" s="5" t="s">
        <v>1128</v>
      </c>
      <c r="H493" s="7" t="s">
        <v>1324</v>
      </c>
      <c r="I493" s="10">
        <v>3021005001854</v>
      </c>
      <c r="J493" s="11" t="s">
        <v>2931</v>
      </c>
      <c r="K493" s="12" t="s">
        <v>1325</v>
      </c>
      <c r="L493" s="12">
        <v>0</v>
      </c>
    </row>
    <row r="494" spans="1:12" ht="21.75" customHeight="1" x14ac:dyDescent="0.2">
      <c r="A494" s="5">
        <v>493</v>
      </c>
      <c r="B494" s="6" t="s">
        <v>152</v>
      </c>
      <c r="C494" s="7" t="s">
        <v>341</v>
      </c>
      <c r="D494" s="7" t="s">
        <v>1326</v>
      </c>
      <c r="E494" s="8" t="s">
        <v>1327</v>
      </c>
      <c r="F494" s="9">
        <v>0</v>
      </c>
      <c r="G494" s="5" t="s">
        <v>1128</v>
      </c>
      <c r="H494" s="7" t="s">
        <v>1328</v>
      </c>
      <c r="I494" s="10">
        <v>1021005001872</v>
      </c>
      <c r="J494" s="11" t="s">
        <v>2931</v>
      </c>
      <c r="K494" s="12" t="s">
        <v>1329</v>
      </c>
      <c r="L494" s="12">
        <v>0</v>
      </c>
    </row>
    <row r="495" spans="1:12" ht="21.75" customHeight="1" x14ac:dyDescent="0.2">
      <c r="A495" s="5">
        <v>494</v>
      </c>
      <c r="B495" s="6" t="s">
        <v>152</v>
      </c>
      <c r="C495" s="7" t="s">
        <v>341</v>
      </c>
      <c r="D495" s="7" t="s">
        <v>1330</v>
      </c>
      <c r="E495" s="8" t="s">
        <v>1331</v>
      </c>
      <c r="F495" s="9" t="s">
        <v>163</v>
      </c>
      <c r="G495" s="5" t="s">
        <v>1128</v>
      </c>
      <c r="H495" s="7" t="s">
        <v>1332</v>
      </c>
      <c r="I495" s="10">
        <v>2021005001871</v>
      </c>
      <c r="K495" s="12">
        <v>0</v>
      </c>
      <c r="L495" s="12">
        <v>0</v>
      </c>
    </row>
    <row r="496" spans="1:12" ht="21.75" customHeight="1" x14ac:dyDescent="0.2">
      <c r="A496" s="5">
        <v>495</v>
      </c>
      <c r="B496" s="6" t="s">
        <v>152</v>
      </c>
      <c r="C496" s="7" t="s">
        <v>341</v>
      </c>
      <c r="D496" s="7" t="s">
        <v>1333</v>
      </c>
      <c r="E496" s="8" t="s">
        <v>1334</v>
      </c>
      <c r="F496" s="9">
        <v>0</v>
      </c>
      <c r="G496" s="5" t="s">
        <v>1128</v>
      </c>
      <c r="H496" s="7" t="s">
        <v>1335</v>
      </c>
      <c r="I496" s="10">
        <v>2021005001839</v>
      </c>
      <c r="K496" s="12">
        <v>0</v>
      </c>
      <c r="L496" s="12">
        <v>0</v>
      </c>
    </row>
    <row r="497" spans="1:12" ht="21.75" customHeight="1" x14ac:dyDescent="0.2">
      <c r="A497" s="5">
        <v>496</v>
      </c>
      <c r="B497" s="6" t="s">
        <v>152</v>
      </c>
      <c r="C497" s="7" t="s">
        <v>341</v>
      </c>
      <c r="D497" s="7" t="s">
        <v>1336</v>
      </c>
      <c r="E497" s="8" t="s">
        <v>1337</v>
      </c>
      <c r="F497" s="9">
        <v>0</v>
      </c>
      <c r="G497" s="5" t="s">
        <v>1128</v>
      </c>
      <c r="H497" s="7" t="s">
        <v>1338</v>
      </c>
      <c r="I497" s="10">
        <v>1021005001897</v>
      </c>
      <c r="K497" s="12">
        <v>0</v>
      </c>
      <c r="L497" s="12">
        <v>0</v>
      </c>
    </row>
    <row r="498" spans="1:12" ht="21.75" customHeight="1" x14ac:dyDescent="0.2">
      <c r="A498" s="5">
        <v>497</v>
      </c>
      <c r="B498" s="6" t="s">
        <v>152</v>
      </c>
      <c r="C498" s="7" t="s">
        <v>341</v>
      </c>
      <c r="D498" s="7" t="s">
        <v>1339</v>
      </c>
      <c r="E498" s="8" t="s">
        <v>1340</v>
      </c>
      <c r="F498" s="9">
        <v>0</v>
      </c>
      <c r="G498" s="5" t="s">
        <v>1128</v>
      </c>
      <c r="H498" s="7" t="s">
        <v>1341</v>
      </c>
      <c r="I498" s="10">
        <v>5021005001910</v>
      </c>
      <c r="K498" s="12">
        <v>0</v>
      </c>
      <c r="L498" s="12">
        <v>0</v>
      </c>
    </row>
    <row r="499" spans="1:12" ht="21.75" customHeight="1" x14ac:dyDescent="0.2">
      <c r="A499" s="5">
        <v>498</v>
      </c>
      <c r="B499" s="6" t="s">
        <v>152</v>
      </c>
      <c r="C499" s="7" t="s">
        <v>341</v>
      </c>
      <c r="D499" s="7" t="s">
        <v>1342</v>
      </c>
      <c r="E499" s="8" t="s">
        <v>1343</v>
      </c>
      <c r="F499" s="9">
        <v>0</v>
      </c>
      <c r="G499" s="5" t="s">
        <v>1128</v>
      </c>
      <c r="H499" s="7" t="s">
        <v>1344</v>
      </c>
      <c r="I499" s="10">
        <v>9021005001898</v>
      </c>
      <c r="K499" s="12">
        <v>0</v>
      </c>
      <c r="L499" s="12">
        <v>0</v>
      </c>
    </row>
    <row r="500" spans="1:12" ht="21.75" customHeight="1" x14ac:dyDescent="0.2">
      <c r="A500" s="5">
        <v>499</v>
      </c>
      <c r="B500" s="6" t="s">
        <v>152</v>
      </c>
      <c r="C500" s="7" t="s">
        <v>341</v>
      </c>
      <c r="D500" s="7" t="s">
        <v>1345</v>
      </c>
      <c r="E500" s="8" t="s">
        <v>1346</v>
      </c>
      <c r="F500" s="9">
        <v>0</v>
      </c>
      <c r="G500" s="5" t="s">
        <v>1128</v>
      </c>
      <c r="H500" s="7" t="s">
        <v>1347</v>
      </c>
      <c r="I500" s="10">
        <v>1021005001906</v>
      </c>
      <c r="K500" s="12">
        <v>0</v>
      </c>
      <c r="L500" s="12">
        <v>0</v>
      </c>
    </row>
    <row r="501" spans="1:12" ht="21.75" customHeight="1" x14ac:dyDescent="0.2">
      <c r="A501" s="5">
        <v>500</v>
      </c>
      <c r="B501" s="6" t="s">
        <v>152</v>
      </c>
      <c r="C501" s="7" t="s">
        <v>341</v>
      </c>
      <c r="D501" s="7" t="s">
        <v>1348</v>
      </c>
      <c r="E501" s="8" t="s">
        <v>1349</v>
      </c>
      <c r="F501" s="9">
        <v>0</v>
      </c>
      <c r="G501" s="5" t="s">
        <v>1128</v>
      </c>
      <c r="H501" s="7" t="s">
        <v>1350</v>
      </c>
      <c r="I501" s="10">
        <v>1021005001922</v>
      </c>
      <c r="K501" s="12">
        <v>0</v>
      </c>
      <c r="L501" s="12">
        <v>0</v>
      </c>
    </row>
    <row r="502" spans="1:12" ht="21.75" customHeight="1" x14ac:dyDescent="0.2">
      <c r="A502" s="5">
        <v>501</v>
      </c>
      <c r="B502" s="6" t="s">
        <v>152</v>
      </c>
      <c r="C502" s="7" t="s">
        <v>341</v>
      </c>
      <c r="D502" s="7" t="s">
        <v>1351</v>
      </c>
      <c r="E502" s="8" t="s">
        <v>1352</v>
      </c>
      <c r="F502" s="9">
        <v>0</v>
      </c>
      <c r="G502" s="5" t="s">
        <v>1128</v>
      </c>
      <c r="H502" s="7" t="s">
        <v>1353</v>
      </c>
      <c r="I502" s="10">
        <v>5021005001935</v>
      </c>
      <c r="K502" s="12">
        <v>0</v>
      </c>
      <c r="L502" s="12">
        <v>0</v>
      </c>
    </row>
    <row r="503" spans="1:12" ht="21.75" customHeight="1" x14ac:dyDescent="0.2">
      <c r="A503" s="5">
        <v>502</v>
      </c>
      <c r="B503" s="6" t="s">
        <v>152</v>
      </c>
      <c r="C503" s="7" t="s">
        <v>341</v>
      </c>
      <c r="D503" s="7" t="s">
        <v>1354</v>
      </c>
      <c r="E503" s="8" t="s">
        <v>1355</v>
      </c>
      <c r="F503" s="9">
        <v>0</v>
      </c>
      <c r="G503" s="5" t="s">
        <v>1128</v>
      </c>
      <c r="H503" s="7" t="s">
        <v>1356</v>
      </c>
      <c r="I503" s="10">
        <v>1021005001939</v>
      </c>
      <c r="K503" s="12">
        <v>0</v>
      </c>
      <c r="L503" s="12">
        <v>0</v>
      </c>
    </row>
    <row r="504" spans="1:12" ht="21.75" customHeight="1" x14ac:dyDescent="0.2">
      <c r="A504" s="5">
        <v>503</v>
      </c>
      <c r="B504" s="6" t="s">
        <v>152</v>
      </c>
      <c r="C504" s="7" t="s">
        <v>341</v>
      </c>
      <c r="D504" s="7" t="s">
        <v>1357</v>
      </c>
      <c r="E504" s="8" t="s">
        <v>1327</v>
      </c>
      <c r="F504" s="9">
        <v>0</v>
      </c>
      <c r="G504" s="5" t="s">
        <v>1128</v>
      </c>
      <c r="H504" s="7" t="s">
        <v>1358</v>
      </c>
      <c r="I504" s="10">
        <v>2021005001946</v>
      </c>
      <c r="K504" s="12">
        <v>0</v>
      </c>
      <c r="L504" s="12">
        <v>0</v>
      </c>
    </row>
    <row r="505" spans="1:12" ht="21.75" customHeight="1" x14ac:dyDescent="0.2">
      <c r="A505" s="5">
        <v>504</v>
      </c>
      <c r="B505" s="6" t="s">
        <v>152</v>
      </c>
      <c r="C505" s="7" t="s">
        <v>341</v>
      </c>
      <c r="D505" s="7" t="s">
        <v>1359</v>
      </c>
      <c r="E505" s="8" t="s">
        <v>1360</v>
      </c>
      <c r="F505" s="9">
        <v>0</v>
      </c>
      <c r="G505" s="5" t="s">
        <v>1128</v>
      </c>
      <c r="H505" s="7" t="s">
        <v>1361</v>
      </c>
      <c r="I505" s="10">
        <v>2021005001970</v>
      </c>
      <c r="K505" s="12">
        <v>0</v>
      </c>
      <c r="L505" s="12">
        <v>0</v>
      </c>
    </row>
    <row r="506" spans="1:12" ht="21.75" customHeight="1" x14ac:dyDescent="0.2">
      <c r="A506" s="5">
        <v>505</v>
      </c>
      <c r="B506" s="6" t="s">
        <v>152</v>
      </c>
      <c r="C506" s="7" t="s">
        <v>341</v>
      </c>
      <c r="D506" s="7" t="s">
        <v>822</v>
      </c>
      <c r="E506" s="8" t="s">
        <v>1362</v>
      </c>
      <c r="F506" s="9">
        <v>0</v>
      </c>
      <c r="G506" s="5" t="s">
        <v>1128</v>
      </c>
      <c r="H506" s="7" t="s">
        <v>1363</v>
      </c>
      <c r="I506" s="10">
        <v>8021005001965</v>
      </c>
      <c r="K506" s="12">
        <v>0</v>
      </c>
      <c r="L506" s="12">
        <v>0</v>
      </c>
    </row>
    <row r="507" spans="1:12" ht="21.75" customHeight="1" x14ac:dyDescent="0.2">
      <c r="A507" s="5">
        <v>506</v>
      </c>
      <c r="B507" s="6" t="s">
        <v>152</v>
      </c>
      <c r="C507" s="7" t="s">
        <v>341</v>
      </c>
      <c r="D507" s="7" t="s">
        <v>1364</v>
      </c>
      <c r="E507" s="8" t="s">
        <v>1365</v>
      </c>
      <c r="F507" s="9">
        <v>0</v>
      </c>
      <c r="G507" s="5" t="s">
        <v>1128</v>
      </c>
      <c r="H507" s="7" t="s">
        <v>1366</v>
      </c>
      <c r="I507" s="10">
        <v>6021005001983</v>
      </c>
      <c r="K507" s="12">
        <v>0</v>
      </c>
      <c r="L507" s="12">
        <v>0</v>
      </c>
    </row>
    <row r="508" spans="1:12" ht="21.75" customHeight="1" x14ac:dyDescent="0.2">
      <c r="A508" s="5">
        <v>507</v>
      </c>
      <c r="B508" s="6" t="s">
        <v>152</v>
      </c>
      <c r="C508" s="7" t="s">
        <v>341</v>
      </c>
      <c r="D508" s="7" t="s">
        <v>1367</v>
      </c>
      <c r="E508" s="8" t="s">
        <v>1368</v>
      </c>
      <c r="F508" s="9">
        <v>0</v>
      </c>
      <c r="G508" s="5" t="s">
        <v>1128</v>
      </c>
      <c r="H508" s="7" t="s">
        <v>1369</v>
      </c>
      <c r="I508" s="10">
        <v>5021005001984</v>
      </c>
      <c r="K508" s="12">
        <v>0</v>
      </c>
      <c r="L508" s="12">
        <v>0</v>
      </c>
    </row>
    <row r="509" spans="1:12" ht="21.75" customHeight="1" x14ac:dyDescent="0.2">
      <c r="A509" s="5">
        <v>508</v>
      </c>
      <c r="B509" s="6" t="s">
        <v>152</v>
      </c>
      <c r="C509" s="7" t="s">
        <v>341</v>
      </c>
      <c r="D509" s="7" t="s">
        <v>1370</v>
      </c>
      <c r="E509" s="8" t="s">
        <v>1371</v>
      </c>
      <c r="F509" s="9">
        <v>0</v>
      </c>
      <c r="G509" s="5" t="s">
        <v>1128</v>
      </c>
      <c r="H509" s="7" t="s">
        <v>1372</v>
      </c>
      <c r="I509" s="10">
        <v>3021005002002</v>
      </c>
      <c r="K509" s="12">
        <v>0</v>
      </c>
      <c r="L509" s="12">
        <v>0</v>
      </c>
    </row>
    <row r="510" spans="1:12" ht="21.75" customHeight="1" x14ac:dyDescent="0.2">
      <c r="A510" s="5">
        <v>509</v>
      </c>
      <c r="B510" s="6" t="s">
        <v>152</v>
      </c>
      <c r="C510" s="7" t="s">
        <v>360</v>
      </c>
      <c r="D510" s="7" t="s">
        <v>1373</v>
      </c>
      <c r="E510" s="8" t="s">
        <v>1374</v>
      </c>
      <c r="F510" s="9">
        <v>0</v>
      </c>
      <c r="G510" s="5" t="s">
        <v>1128</v>
      </c>
      <c r="H510" s="7" t="s">
        <v>1375</v>
      </c>
      <c r="I510" s="10">
        <v>8021005001841</v>
      </c>
      <c r="J510" s="11" t="s">
        <v>2931</v>
      </c>
      <c r="K510" s="12" t="s">
        <v>1376</v>
      </c>
      <c r="L510" s="12">
        <v>0</v>
      </c>
    </row>
    <row r="511" spans="1:12" ht="21.75" customHeight="1" x14ac:dyDescent="0.2">
      <c r="A511" s="5">
        <v>510</v>
      </c>
      <c r="B511" s="6" t="s">
        <v>152</v>
      </c>
      <c r="C511" s="7" t="s">
        <v>360</v>
      </c>
      <c r="D511" s="7" t="s">
        <v>1377</v>
      </c>
      <c r="E511" s="8" t="s">
        <v>1378</v>
      </c>
      <c r="F511" s="9">
        <v>0</v>
      </c>
      <c r="G511" s="5" t="s">
        <v>1128</v>
      </c>
      <c r="H511" s="7" t="s">
        <v>1379</v>
      </c>
      <c r="I511" s="10">
        <v>2021005001847</v>
      </c>
      <c r="K511" s="12">
        <v>0</v>
      </c>
      <c r="L511" s="12">
        <v>0</v>
      </c>
    </row>
    <row r="512" spans="1:12" ht="21.75" customHeight="1" x14ac:dyDescent="0.2">
      <c r="A512" s="5">
        <v>511</v>
      </c>
      <c r="B512" s="6" t="s">
        <v>152</v>
      </c>
      <c r="C512" s="7" t="s">
        <v>360</v>
      </c>
      <c r="D512" s="7" t="s">
        <v>1380</v>
      </c>
      <c r="E512" s="8" t="s">
        <v>1381</v>
      </c>
      <c r="F512" s="9">
        <v>0</v>
      </c>
      <c r="G512" s="5" t="s">
        <v>1128</v>
      </c>
      <c r="H512" s="7" t="s">
        <v>1382</v>
      </c>
      <c r="I512" s="10">
        <v>3021005001879</v>
      </c>
      <c r="K512" s="12">
        <v>0</v>
      </c>
      <c r="L512" s="12">
        <v>0</v>
      </c>
    </row>
    <row r="513" spans="1:12" ht="21.75" customHeight="1" x14ac:dyDescent="0.2">
      <c r="A513" s="5">
        <v>512</v>
      </c>
      <c r="B513" s="6" t="s">
        <v>152</v>
      </c>
      <c r="C513" s="7" t="s">
        <v>360</v>
      </c>
      <c r="D513" s="7" t="s">
        <v>1383</v>
      </c>
      <c r="E513" s="8" t="s">
        <v>1378</v>
      </c>
      <c r="F513" s="9">
        <v>0</v>
      </c>
      <c r="G513" s="5" t="s">
        <v>1128</v>
      </c>
      <c r="H513" s="7" t="s">
        <v>1384</v>
      </c>
      <c r="I513" s="10">
        <v>9021005001857</v>
      </c>
      <c r="K513" s="12">
        <v>0</v>
      </c>
      <c r="L513" s="12">
        <v>0</v>
      </c>
    </row>
    <row r="514" spans="1:12" ht="21.75" customHeight="1" x14ac:dyDescent="0.2">
      <c r="A514" s="5">
        <v>513</v>
      </c>
      <c r="B514" s="6" t="s">
        <v>152</v>
      </c>
      <c r="C514" s="7" t="s">
        <v>360</v>
      </c>
      <c r="D514" s="7" t="s">
        <v>1385</v>
      </c>
      <c r="E514" s="8" t="s">
        <v>1386</v>
      </c>
      <c r="F514" s="9">
        <v>0</v>
      </c>
      <c r="G514" s="5" t="s">
        <v>1128</v>
      </c>
      <c r="H514" s="7" t="s">
        <v>1387</v>
      </c>
      <c r="I514" s="10">
        <v>2021005001863</v>
      </c>
      <c r="K514" s="12">
        <v>0</v>
      </c>
      <c r="L514" s="12">
        <v>0</v>
      </c>
    </row>
    <row r="515" spans="1:12" ht="21.75" customHeight="1" x14ac:dyDescent="0.2">
      <c r="A515" s="5">
        <v>514</v>
      </c>
      <c r="B515" s="6" t="s">
        <v>152</v>
      </c>
      <c r="C515" s="7" t="s">
        <v>360</v>
      </c>
      <c r="D515" s="7" t="s">
        <v>1388</v>
      </c>
      <c r="E515" s="8" t="s">
        <v>1389</v>
      </c>
      <c r="F515" s="9">
        <v>0</v>
      </c>
      <c r="G515" s="5" t="s">
        <v>1128</v>
      </c>
      <c r="H515" s="7" t="s">
        <v>1390</v>
      </c>
      <c r="I515" s="10">
        <v>3021005001870</v>
      </c>
      <c r="J515" s="11" t="s">
        <v>2931</v>
      </c>
      <c r="K515" s="12" t="s">
        <v>1391</v>
      </c>
      <c r="L515" s="12">
        <v>0</v>
      </c>
    </row>
    <row r="516" spans="1:12" ht="21.75" customHeight="1" x14ac:dyDescent="0.2">
      <c r="A516" s="5">
        <v>515</v>
      </c>
      <c r="B516" s="6" t="s">
        <v>152</v>
      </c>
      <c r="C516" s="7" t="s">
        <v>360</v>
      </c>
      <c r="D516" s="7" t="s">
        <v>1392</v>
      </c>
      <c r="E516" s="8" t="s">
        <v>1378</v>
      </c>
      <c r="F516" s="9">
        <v>0</v>
      </c>
      <c r="G516" s="5" t="s">
        <v>1128</v>
      </c>
      <c r="H516" s="7" t="s">
        <v>1393</v>
      </c>
      <c r="I516" s="10">
        <v>2021005001888</v>
      </c>
      <c r="K516" s="12">
        <v>0</v>
      </c>
      <c r="L516" s="12">
        <v>0</v>
      </c>
    </row>
    <row r="517" spans="1:12" ht="21.75" customHeight="1" x14ac:dyDescent="0.2">
      <c r="A517" s="5">
        <v>516</v>
      </c>
      <c r="B517" s="6" t="s">
        <v>152</v>
      </c>
      <c r="C517" s="7" t="s">
        <v>360</v>
      </c>
      <c r="D517" s="7" t="s">
        <v>1394</v>
      </c>
      <c r="E517" s="8" t="s">
        <v>1395</v>
      </c>
      <c r="F517" s="9">
        <v>0</v>
      </c>
      <c r="G517" s="5" t="s">
        <v>1128</v>
      </c>
      <c r="H517" s="7" t="s">
        <v>1396</v>
      </c>
      <c r="I517" s="10">
        <v>4021005001894</v>
      </c>
      <c r="J517" s="11" t="s">
        <v>2931</v>
      </c>
      <c r="K517" s="12" t="s">
        <v>1397</v>
      </c>
      <c r="L517" s="12">
        <v>0</v>
      </c>
    </row>
    <row r="518" spans="1:12" ht="21.75" customHeight="1" x14ac:dyDescent="0.2">
      <c r="A518" s="5">
        <v>517</v>
      </c>
      <c r="B518" s="6" t="s">
        <v>152</v>
      </c>
      <c r="C518" s="7" t="s">
        <v>360</v>
      </c>
      <c r="D518" s="7" t="s">
        <v>1398</v>
      </c>
      <c r="E518" s="8" t="s">
        <v>1399</v>
      </c>
      <c r="F518" s="9">
        <v>0</v>
      </c>
      <c r="G518" s="5" t="s">
        <v>1128</v>
      </c>
      <c r="H518" s="7" t="s">
        <v>1400</v>
      </c>
      <c r="I518" s="10">
        <v>3021005001895</v>
      </c>
      <c r="K518" s="12">
        <v>0</v>
      </c>
      <c r="L518" s="12">
        <v>0</v>
      </c>
    </row>
    <row r="519" spans="1:12" ht="21.75" customHeight="1" x14ac:dyDescent="0.2">
      <c r="A519" s="5">
        <v>518</v>
      </c>
      <c r="B519" s="6" t="s">
        <v>152</v>
      </c>
      <c r="C519" s="7" t="s">
        <v>360</v>
      </c>
      <c r="D519" s="7" t="s">
        <v>1401</v>
      </c>
      <c r="E519" s="8" t="s">
        <v>1402</v>
      </c>
      <c r="F519" s="9">
        <v>0</v>
      </c>
      <c r="G519" s="5" t="s">
        <v>1128</v>
      </c>
      <c r="H519" s="7" t="s">
        <v>1403</v>
      </c>
      <c r="I519" s="10">
        <v>9021005001907</v>
      </c>
      <c r="K519" s="12">
        <v>0</v>
      </c>
      <c r="L519" s="12">
        <v>0</v>
      </c>
    </row>
    <row r="520" spans="1:12" ht="21.75" customHeight="1" x14ac:dyDescent="0.2">
      <c r="A520" s="5">
        <v>519</v>
      </c>
      <c r="B520" s="6" t="s">
        <v>152</v>
      </c>
      <c r="C520" s="7" t="s">
        <v>360</v>
      </c>
      <c r="D520" s="7" t="s">
        <v>1404</v>
      </c>
      <c r="E520" s="8" t="s">
        <v>1378</v>
      </c>
      <c r="F520" s="9">
        <v>0</v>
      </c>
      <c r="G520" s="5" t="s">
        <v>1128</v>
      </c>
      <c r="H520" s="7" t="s">
        <v>1405</v>
      </c>
      <c r="I520" s="10">
        <v>5021005001893</v>
      </c>
      <c r="K520" s="12">
        <v>0</v>
      </c>
      <c r="L520" s="12">
        <v>0</v>
      </c>
    </row>
    <row r="521" spans="1:12" ht="21.75" customHeight="1" x14ac:dyDescent="0.2">
      <c r="A521" s="5">
        <v>520</v>
      </c>
      <c r="B521" s="6" t="s">
        <v>152</v>
      </c>
      <c r="C521" s="7" t="s">
        <v>360</v>
      </c>
      <c r="D521" s="7" t="s">
        <v>1406</v>
      </c>
      <c r="E521" s="8" t="s">
        <v>1407</v>
      </c>
      <c r="F521" s="9">
        <v>0</v>
      </c>
      <c r="G521" s="5" t="s">
        <v>1128</v>
      </c>
      <c r="H521" s="7" t="s">
        <v>1408</v>
      </c>
      <c r="I521" s="10">
        <v>2021005001896</v>
      </c>
      <c r="K521" s="12">
        <v>0</v>
      </c>
      <c r="L521" s="12">
        <v>0</v>
      </c>
    </row>
    <row r="522" spans="1:12" ht="21.75" customHeight="1" x14ac:dyDescent="0.2">
      <c r="A522" s="5">
        <v>521</v>
      </c>
      <c r="B522" s="6" t="s">
        <v>152</v>
      </c>
      <c r="C522" s="7" t="s">
        <v>360</v>
      </c>
      <c r="D522" s="7" t="s">
        <v>1409</v>
      </c>
      <c r="E522" s="8" t="s">
        <v>1410</v>
      </c>
      <c r="F522" s="9">
        <v>0</v>
      </c>
      <c r="G522" s="5" t="s">
        <v>1128</v>
      </c>
      <c r="H522" s="7" t="s">
        <v>1411</v>
      </c>
      <c r="I522" s="10">
        <v>9021005001915</v>
      </c>
      <c r="K522" s="12">
        <v>0</v>
      </c>
      <c r="L522" s="12">
        <v>0</v>
      </c>
    </row>
    <row r="523" spans="1:12" ht="21.75" customHeight="1" x14ac:dyDescent="0.2">
      <c r="A523" s="5">
        <v>522</v>
      </c>
      <c r="B523" s="6" t="s">
        <v>152</v>
      </c>
      <c r="C523" s="7" t="s">
        <v>360</v>
      </c>
      <c r="D523" s="7" t="s">
        <v>1412</v>
      </c>
      <c r="E523" s="8" t="s">
        <v>1378</v>
      </c>
      <c r="F523" s="9">
        <v>0</v>
      </c>
      <c r="G523" s="5" t="s">
        <v>1128</v>
      </c>
      <c r="H523" s="7" t="s">
        <v>1413</v>
      </c>
      <c r="I523" s="10">
        <v>5021005001927</v>
      </c>
      <c r="J523" s="11" t="s">
        <v>2931</v>
      </c>
      <c r="K523" s="12" t="s">
        <v>1414</v>
      </c>
      <c r="L523" s="12">
        <v>0</v>
      </c>
    </row>
    <row r="524" spans="1:12" ht="21.75" customHeight="1" x14ac:dyDescent="0.2">
      <c r="A524" s="5">
        <v>523</v>
      </c>
      <c r="B524" s="6" t="s">
        <v>152</v>
      </c>
      <c r="C524" s="7" t="s">
        <v>360</v>
      </c>
      <c r="D524" s="7" t="s">
        <v>1415</v>
      </c>
      <c r="E524" s="8" t="s">
        <v>1389</v>
      </c>
      <c r="F524" s="9">
        <v>0</v>
      </c>
      <c r="G524" s="5" t="s">
        <v>1128</v>
      </c>
      <c r="H524" s="7" t="s">
        <v>1416</v>
      </c>
      <c r="I524" s="10">
        <v>6021005001926</v>
      </c>
      <c r="J524" s="11" t="s">
        <v>2931</v>
      </c>
      <c r="K524" s="12" t="s">
        <v>1417</v>
      </c>
      <c r="L524" s="12">
        <v>0</v>
      </c>
    </row>
    <row r="525" spans="1:12" ht="21.75" customHeight="1" x14ac:dyDescent="0.2">
      <c r="A525" s="5">
        <v>524</v>
      </c>
      <c r="B525" s="6" t="s">
        <v>152</v>
      </c>
      <c r="C525" s="7" t="s">
        <v>360</v>
      </c>
      <c r="D525" s="7" t="s">
        <v>1418</v>
      </c>
      <c r="E525" s="8" t="s">
        <v>1419</v>
      </c>
      <c r="F525" s="9">
        <v>0</v>
      </c>
      <c r="G525" s="5" t="s">
        <v>1128</v>
      </c>
      <c r="H525" s="7" t="s">
        <v>1420</v>
      </c>
      <c r="I525" s="10">
        <v>9021005001931</v>
      </c>
      <c r="K525" s="12">
        <v>0</v>
      </c>
      <c r="L525" s="12">
        <v>0</v>
      </c>
    </row>
    <row r="526" spans="1:12" ht="21.75" customHeight="1" x14ac:dyDescent="0.2">
      <c r="A526" s="5">
        <v>525</v>
      </c>
      <c r="B526" s="6" t="s">
        <v>152</v>
      </c>
      <c r="C526" s="7" t="s">
        <v>360</v>
      </c>
      <c r="D526" s="7" t="s">
        <v>1421</v>
      </c>
      <c r="E526" s="8" t="s">
        <v>1378</v>
      </c>
      <c r="F526" s="9">
        <v>0</v>
      </c>
      <c r="G526" s="5" t="s">
        <v>1128</v>
      </c>
      <c r="H526" s="7" t="s">
        <v>1422</v>
      </c>
      <c r="I526" s="10">
        <v>8021005001940</v>
      </c>
      <c r="K526" s="12">
        <v>0</v>
      </c>
      <c r="L526" s="12">
        <v>0</v>
      </c>
    </row>
    <row r="527" spans="1:12" ht="21.75" customHeight="1" x14ac:dyDescent="0.2">
      <c r="A527" s="5">
        <v>526</v>
      </c>
      <c r="B527" s="6" t="s">
        <v>152</v>
      </c>
      <c r="C527" s="7" t="s">
        <v>360</v>
      </c>
      <c r="D527" s="7" t="s">
        <v>1423</v>
      </c>
      <c r="E527" s="8" t="s">
        <v>1424</v>
      </c>
      <c r="F527" s="9">
        <v>0</v>
      </c>
      <c r="G527" s="5" t="s">
        <v>1128</v>
      </c>
      <c r="H527" s="7" t="s">
        <v>1425</v>
      </c>
      <c r="I527" s="10">
        <v>3021005001945</v>
      </c>
      <c r="K527" s="12">
        <v>0</v>
      </c>
      <c r="L527" s="12">
        <v>0</v>
      </c>
    </row>
    <row r="528" spans="1:12" ht="21.75" customHeight="1" x14ac:dyDescent="0.2">
      <c r="A528" s="5">
        <v>527</v>
      </c>
      <c r="B528" s="6" t="s">
        <v>152</v>
      </c>
      <c r="C528" s="7" t="s">
        <v>360</v>
      </c>
      <c r="D528" s="7" t="s">
        <v>1426</v>
      </c>
      <c r="E528" s="8" t="s">
        <v>1427</v>
      </c>
      <c r="F528" s="9">
        <v>0</v>
      </c>
      <c r="G528" s="5" t="s">
        <v>1128</v>
      </c>
      <c r="H528" s="7" t="s">
        <v>1428</v>
      </c>
      <c r="I528" s="10">
        <v>5021005001951</v>
      </c>
      <c r="K528" s="12">
        <v>0</v>
      </c>
      <c r="L528" s="12">
        <v>0</v>
      </c>
    </row>
    <row r="529" spans="1:12" ht="21.75" customHeight="1" x14ac:dyDescent="0.2">
      <c r="A529" s="5">
        <v>528</v>
      </c>
      <c r="B529" s="6" t="s">
        <v>152</v>
      </c>
      <c r="C529" s="7" t="s">
        <v>360</v>
      </c>
      <c r="D529" s="7" t="s">
        <v>1429</v>
      </c>
      <c r="E529" s="8" t="s">
        <v>1430</v>
      </c>
      <c r="F529" s="9">
        <v>0</v>
      </c>
      <c r="G529" s="5" t="s">
        <v>1128</v>
      </c>
      <c r="H529" s="7" t="s">
        <v>1431</v>
      </c>
      <c r="I529" s="10">
        <v>8021005001957</v>
      </c>
      <c r="K529" s="12">
        <v>0</v>
      </c>
      <c r="L529" s="12">
        <v>0</v>
      </c>
    </row>
    <row r="530" spans="1:12" ht="21.75" customHeight="1" x14ac:dyDescent="0.2">
      <c r="A530" s="5">
        <v>529</v>
      </c>
      <c r="B530" s="6" t="s">
        <v>152</v>
      </c>
      <c r="C530" s="7" t="s">
        <v>360</v>
      </c>
      <c r="D530" s="7" t="s">
        <v>1432</v>
      </c>
      <c r="E530" s="8" t="s">
        <v>1433</v>
      </c>
      <c r="F530" s="9">
        <v>0</v>
      </c>
      <c r="G530" s="5" t="s">
        <v>1128</v>
      </c>
      <c r="H530" s="7" t="s">
        <v>1434</v>
      </c>
      <c r="I530" s="10">
        <v>3021005001961</v>
      </c>
      <c r="K530" s="12">
        <v>0</v>
      </c>
      <c r="L530" s="12">
        <v>0</v>
      </c>
    </row>
    <row r="531" spans="1:12" ht="21.75" customHeight="1" x14ac:dyDescent="0.2">
      <c r="A531" s="5">
        <v>530</v>
      </c>
      <c r="B531" s="6" t="s">
        <v>152</v>
      </c>
      <c r="C531" s="7" t="s">
        <v>360</v>
      </c>
      <c r="D531" s="7" t="s">
        <v>1435</v>
      </c>
      <c r="E531" s="8" t="s">
        <v>1436</v>
      </c>
      <c r="F531" s="9">
        <v>0</v>
      </c>
      <c r="G531" s="5" t="s">
        <v>1128</v>
      </c>
      <c r="H531" s="7" t="s">
        <v>1437</v>
      </c>
      <c r="I531" s="10">
        <v>2021005001962</v>
      </c>
      <c r="J531" s="11" t="s">
        <v>2931</v>
      </c>
      <c r="K531" s="12" t="s">
        <v>1438</v>
      </c>
      <c r="L531" s="12">
        <v>0</v>
      </c>
    </row>
    <row r="532" spans="1:12" ht="21.75" customHeight="1" x14ac:dyDescent="0.2">
      <c r="A532" s="5">
        <v>531</v>
      </c>
      <c r="B532" s="6" t="s">
        <v>152</v>
      </c>
      <c r="C532" s="7" t="s">
        <v>360</v>
      </c>
      <c r="D532" s="7" t="s">
        <v>1439</v>
      </c>
      <c r="E532" s="8" t="s">
        <v>1440</v>
      </c>
      <c r="F532" s="9">
        <v>0</v>
      </c>
      <c r="G532" s="5" t="s">
        <v>1128</v>
      </c>
      <c r="H532" s="7" t="s">
        <v>1441</v>
      </c>
      <c r="I532" s="10">
        <v>8021005002006</v>
      </c>
      <c r="K532" s="12">
        <v>0</v>
      </c>
      <c r="L532" s="12">
        <v>0</v>
      </c>
    </row>
    <row r="533" spans="1:12" ht="21.75" customHeight="1" x14ac:dyDescent="0.2">
      <c r="A533" s="5">
        <v>532</v>
      </c>
      <c r="B533" s="6" t="s">
        <v>152</v>
      </c>
      <c r="C533" s="7" t="s">
        <v>376</v>
      </c>
      <c r="D533" s="7" t="s">
        <v>1442</v>
      </c>
      <c r="E533" s="8" t="s">
        <v>1443</v>
      </c>
      <c r="F533" s="9">
        <v>0</v>
      </c>
      <c r="G533" s="5" t="s">
        <v>1128</v>
      </c>
      <c r="H533" s="7" t="s">
        <v>1444</v>
      </c>
      <c r="I533" s="10">
        <v>9021005001849</v>
      </c>
      <c r="K533" s="12">
        <v>0</v>
      </c>
      <c r="L533" s="12">
        <v>0</v>
      </c>
    </row>
    <row r="534" spans="1:12" ht="21.75" customHeight="1" x14ac:dyDescent="0.2">
      <c r="A534" s="5">
        <v>533</v>
      </c>
      <c r="B534" s="6" t="s">
        <v>152</v>
      </c>
      <c r="C534" s="7" t="s">
        <v>376</v>
      </c>
      <c r="D534" s="7" t="s">
        <v>1445</v>
      </c>
      <c r="E534" s="8" t="s">
        <v>1446</v>
      </c>
      <c r="F534" s="9">
        <v>0</v>
      </c>
      <c r="G534" s="5" t="s">
        <v>1128</v>
      </c>
      <c r="H534" s="7" t="s">
        <v>1447</v>
      </c>
      <c r="I534" s="10">
        <v>5021005001992</v>
      </c>
      <c r="K534" s="12">
        <v>0</v>
      </c>
      <c r="L534" s="12">
        <v>0</v>
      </c>
    </row>
    <row r="535" spans="1:12" ht="21.75" customHeight="1" x14ac:dyDescent="0.2">
      <c r="A535" s="5">
        <v>534</v>
      </c>
      <c r="B535" s="6" t="s">
        <v>152</v>
      </c>
      <c r="C535" s="7" t="s">
        <v>376</v>
      </c>
      <c r="D535" s="7" t="s">
        <v>1448</v>
      </c>
      <c r="E535" s="8" t="s">
        <v>1449</v>
      </c>
      <c r="F535" s="9">
        <v>0</v>
      </c>
      <c r="G535" s="5" t="s">
        <v>1128</v>
      </c>
      <c r="H535" s="7" t="s">
        <v>1450</v>
      </c>
      <c r="I535" s="10">
        <v>2021005002003</v>
      </c>
      <c r="K535" s="12">
        <v>0</v>
      </c>
      <c r="L535" s="12">
        <v>0</v>
      </c>
    </row>
    <row r="536" spans="1:12" ht="21.75" customHeight="1" x14ac:dyDescent="0.2">
      <c r="A536" s="5">
        <v>535</v>
      </c>
      <c r="B536" s="6" t="s">
        <v>152</v>
      </c>
      <c r="C536" s="7" t="s">
        <v>406</v>
      </c>
      <c r="D536" s="7" t="s">
        <v>1451</v>
      </c>
      <c r="E536" s="8" t="s">
        <v>1452</v>
      </c>
      <c r="F536" s="9">
        <v>0</v>
      </c>
      <c r="G536" s="5" t="s">
        <v>1128</v>
      </c>
      <c r="H536" s="7" t="s">
        <v>1453</v>
      </c>
      <c r="I536" s="10">
        <v>7021005001834</v>
      </c>
      <c r="K536" s="12">
        <v>0</v>
      </c>
      <c r="L536" s="12">
        <v>0</v>
      </c>
    </row>
    <row r="537" spans="1:12" ht="21.75" customHeight="1" x14ac:dyDescent="0.2">
      <c r="A537" s="5">
        <v>536</v>
      </c>
      <c r="B537" s="6" t="s">
        <v>152</v>
      </c>
      <c r="C537" s="7" t="s">
        <v>406</v>
      </c>
      <c r="D537" s="7" t="s">
        <v>1454</v>
      </c>
      <c r="E537" s="8" t="s">
        <v>1455</v>
      </c>
      <c r="F537" s="9">
        <v>0</v>
      </c>
      <c r="G537" s="5" t="s">
        <v>1128</v>
      </c>
      <c r="H537" s="7" t="s">
        <v>1456</v>
      </c>
      <c r="I537" s="10">
        <v>4021005001845</v>
      </c>
      <c r="K537" s="12">
        <v>0</v>
      </c>
      <c r="L537" s="12">
        <v>0</v>
      </c>
    </row>
    <row r="538" spans="1:12" ht="21.75" customHeight="1" x14ac:dyDescent="0.2">
      <c r="A538" s="5">
        <v>537</v>
      </c>
      <c r="B538" s="6" t="s">
        <v>152</v>
      </c>
      <c r="C538" s="7" t="s">
        <v>406</v>
      </c>
      <c r="D538" s="7" t="s">
        <v>1457</v>
      </c>
      <c r="E538" s="8" t="s">
        <v>1458</v>
      </c>
      <c r="F538" s="9">
        <v>0</v>
      </c>
      <c r="G538" s="5" t="s">
        <v>1128</v>
      </c>
      <c r="H538" s="7" t="s">
        <v>1459</v>
      </c>
      <c r="I538" s="10">
        <v>5021005001852</v>
      </c>
      <c r="K538" s="12">
        <v>0</v>
      </c>
      <c r="L538" s="12">
        <v>0</v>
      </c>
    </row>
    <row r="539" spans="1:12" ht="21.75" customHeight="1" x14ac:dyDescent="0.2">
      <c r="A539" s="5">
        <v>538</v>
      </c>
      <c r="B539" s="6" t="s">
        <v>152</v>
      </c>
      <c r="C539" s="7" t="s">
        <v>406</v>
      </c>
      <c r="D539" s="7" t="s">
        <v>1460</v>
      </c>
      <c r="E539" s="8" t="s">
        <v>1461</v>
      </c>
      <c r="F539" s="9">
        <v>0</v>
      </c>
      <c r="G539" s="5" t="s">
        <v>1128</v>
      </c>
      <c r="H539" s="7" t="s">
        <v>1462</v>
      </c>
      <c r="I539" s="10">
        <v>9021005001865</v>
      </c>
      <c r="K539" s="12">
        <v>0</v>
      </c>
      <c r="L539" s="12">
        <v>0</v>
      </c>
    </row>
    <row r="540" spans="1:12" ht="21.75" customHeight="1" x14ac:dyDescent="0.2">
      <c r="A540" s="5">
        <v>539</v>
      </c>
      <c r="B540" s="6" t="s">
        <v>152</v>
      </c>
      <c r="C540" s="7" t="s">
        <v>406</v>
      </c>
      <c r="D540" s="7" t="s">
        <v>1463</v>
      </c>
      <c r="E540" s="8" t="s">
        <v>1464</v>
      </c>
      <c r="F540" s="9">
        <v>0</v>
      </c>
      <c r="G540" s="5" t="s">
        <v>1128</v>
      </c>
      <c r="H540" s="7" t="s">
        <v>1465</v>
      </c>
      <c r="I540" s="10">
        <v>9021005001873</v>
      </c>
      <c r="K540" s="12">
        <v>0</v>
      </c>
      <c r="L540" s="12">
        <v>0</v>
      </c>
    </row>
    <row r="541" spans="1:12" ht="21.75" customHeight="1" x14ac:dyDescent="0.2">
      <c r="A541" s="5">
        <v>540</v>
      </c>
      <c r="B541" s="6" t="s">
        <v>152</v>
      </c>
      <c r="C541" s="7" t="s">
        <v>406</v>
      </c>
      <c r="D541" s="7" t="s">
        <v>1466</v>
      </c>
      <c r="E541" s="8" t="s">
        <v>1467</v>
      </c>
      <c r="F541" s="9">
        <v>0</v>
      </c>
      <c r="G541" s="5" t="s">
        <v>1128</v>
      </c>
      <c r="H541" s="7" t="s">
        <v>1468</v>
      </c>
      <c r="I541" s="10">
        <v>8021005001882</v>
      </c>
      <c r="K541" s="12">
        <v>0</v>
      </c>
      <c r="L541" s="12">
        <v>0</v>
      </c>
    </row>
    <row r="542" spans="1:12" ht="21.75" customHeight="1" x14ac:dyDescent="0.2">
      <c r="A542" s="5">
        <v>541</v>
      </c>
      <c r="B542" s="6" t="s">
        <v>152</v>
      </c>
      <c r="C542" s="7" t="s">
        <v>406</v>
      </c>
      <c r="D542" s="7" t="s">
        <v>1469</v>
      </c>
      <c r="E542" s="8" t="s">
        <v>1470</v>
      </c>
      <c r="F542" s="9">
        <v>0</v>
      </c>
      <c r="G542" s="5" t="s">
        <v>1128</v>
      </c>
      <c r="H542" s="7" t="s">
        <v>1471</v>
      </c>
      <c r="I542" s="10">
        <v>3021005001912</v>
      </c>
      <c r="K542" s="12">
        <v>0</v>
      </c>
      <c r="L542" s="12">
        <v>0</v>
      </c>
    </row>
    <row r="543" spans="1:12" ht="21.75" customHeight="1" x14ac:dyDescent="0.2">
      <c r="A543" s="5">
        <v>542</v>
      </c>
      <c r="B543" s="6" t="s">
        <v>152</v>
      </c>
      <c r="C543" s="7" t="s">
        <v>406</v>
      </c>
      <c r="D543" s="7" t="s">
        <v>1472</v>
      </c>
      <c r="E543" s="8" t="s">
        <v>1473</v>
      </c>
      <c r="F543" s="9">
        <v>0</v>
      </c>
      <c r="G543" s="5" t="s">
        <v>1128</v>
      </c>
      <c r="H543" s="7" t="s">
        <v>1474</v>
      </c>
      <c r="I543" s="10">
        <v>8021005001899</v>
      </c>
      <c r="K543" s="12">
        <v>0</v>
      </c>
      <c r="L543" s="12">
        <v>0</v>
      </c>
    </row>
    <row r="544" spans="1:12" ht="21.75" customHeight="1" x14ac:dyDescent="0.2">
      <c r="A544" s="5">
        <v>543</v>
      </c>
      <c r="B544" s="6" t="s">
        <v>152</v>
      </c>
      <c r="C544" s="7" t="s">
        <v>406</v>
      </c>
      <c r="D544" s="7" t="s">
        <v>1475</v>
      </c>
      <c r="E544" s="8" t="s">
        <v>1476</v>
      </c>
      <c r="F544" s="9" t="s">
        <v>163</v>
      </c>
      <c r="G544" s="5" t="s">
        <v>1128</v>
      </c>
      <c r="H544" s="7" t="s">
        <v>1477</v>
      </c>
      <c r="I544" s="10">
        <v>7021005001900</v>
      </c>
      <c r="K544" s="12">
        <v>0</v>
      </c>
      <c r="L544" s="12">
        <v>0</v>
      </c>
    </row>
    <row r="545" spans="1:12" ht="21.75" customHeight="1" x14ac:dyDescent="0.2">
      <c r="A545" s="5">
        <v>544</v>
      </c>
      <c r="B545" s="6" t="s">
        <v>152</v>
      </c>
      <c r="C545" s="7" t="s">
        <v>406</v>
      </c>
      <c r="D545" s="7" t="s">
        <v>1051</v>
      </c>
      <c r="E545" s="8" t="s">
        <v>1478</v>
      </c>
      <c r="F545" s="9">
        <v>0</v>
      </c>
      <c r="G545" s="5" t="s">
        <v>1128</v>
      </c>
      <c r="H545" s="7" t="s">
        <v>1479</v>
      </c>
      <c r="I545" s="10">
        <v>6021005001901</v>
      </c>
      <c r="K545" s="12">
        <v>0</v>
      </c>
      <c r="L545" s="12">
        <v>0</v>
      </c>
    </row>
    <row r="546" spans="1:12" ht="21.75" customHeight="1" x14ac:dyDescent="0.2">
      <c r="A546" s="5">
        <v>545</v>
      </c>
      <c r="B546" s="6" t="s">
        <v>152</v>
      </c>
      <c r="C546" s="7" t="s">
        <v>406</v>
      </c>
      <c r="D546" s="7" t="s">
        <v>1480</v>
      </c>
      <c r="E546" s="8" t="s">
        <v>1481</v>
      </c>
      <c r="F546" s="9">
        <v>0</v>
      </c>
      <c r="G546" s="5" t="s">
        <v>1128</v>
      </c>
      <c r="H546" s="7" t="s">
        <v>1482</v>
      </c>
      <c r="I546" s="10">
        <v>7021005001933</v>
      </c>
      <c r="K546" s="12">
        <v>0</v>
      </c>
      <c r="L546" s="12">
        <v>0</v>
      </c>
    </row>
    <row r="547" spans="1:12" ht="21.75" customHeight="1" x14ac:dyDescent="0.2">
      <c r="A547" s="5">
        <v>546</v>
      </c>
      <c r="B547" s="6" t="s">
        <v>152</v>
      </c>
      <c r="C547" s="7" t="s">
        <v>406</v>
      </c>
      <c r="D547" s="7" t="s">
        <v>1483</v>
      </c>
      <c r="E547" s="8" t="s">
        <v>1484</v>
      </c>
      <c r="F547" s="9">
        <v>0</v>
      </c>
      <c r="G547" s="5" t="s">
        <v>1128</v>
      </c>
      <c r="H547" s="7" t="s">
        <v>1485</v>
      </c>
      <c r="I547" s="10">
        <v>6021005001934</v>
      </c>
      <c r="K547" s="12">
        <v>0</v>
      </c>
      <c r="L547" s="12">
        <v>0</v>
      </c>
    </row>
    <row r="548" spans="1:12" ht="21.75" customHeight="1" x14ac:dyDescent="0.2">
      <c r="A548" s="5">
        <v>547</v>
      </c>
      <c r="B548" s="6" t="s">
        <v>152</v>
      </c>
      <c r="C548" s="7" t="s">
        <v>406</v>
      </c>
      <c r="D548" s="7" t="s">
        <v>247</v>
      </c>
      <c r="E548" s="8" t="s">
        <v>1486</v>
      </c>
      <c r="F548" s="9">
        <v>0</v>
      </c>
      <c r="G548" s="5" t="s">
        <v>1128</v>
      </c>
      <c r="H548" s="7" t="s">
        <v>1487</v>
      </c>
      <c r="I548" s="10">
        <v>6021005001942</v>
      </c>
      <c r="K548" s="12">
        <v>0</v>
      </c>
      <c r="L548" s="12">
        <v>0</v>
      </c>
    </row>
    <row r="549" spans="1:12" ht="21.75" customHeight="1" x14ac:dyDescent="0.2">
      <c r="A549" s="5">
        <v>548</v>
      </c>
      <c r="B549" s="6" t="s">
        <v>152</v>
      </c>
      <c r="C549" s="7" t="s">
        <v>406</v>
      </c>
      <c r="D549" s="7" t="s">
        <v>1488</v>
      </c>
      <c r="E549" s="8" t="s">
        <v>1489</v>
      </c>
      <c r="F549" s="9">
        <v>0</v>
      </c>
      <c r="G549" s="5" t="s">
        <v>1128</v>
      </c>
      <c r="H549" s="7" t="s">
        <v>1490</v>
      </c>
      <c r="I549" s="10">
        <v>1021005001963</v>
      </c>
      <c r="K549" s="12">
        <v>0</v>
      </c>
      <c r="L549" s="12">
        <v>0</v>
      </c>
    </row>
    <row r="550" spans="1:12" ht="21.75" customHeight="1" x14ac:dyDescent="0.2">
      <c r="A550" s="5">
        <v>549</v>
      </c>
      <c r="B550" s="6" t="s">
        <v>152</v>
      </c>
      <c r="C550" s="7" t="s">
        <v>406</v>
      </c>
      <c r="D550" s="7" t="s">
        <v>1491</v>
      </c>
      <c r="E550" s="8" t="s">
        <v>1492</v>
      </c>
      <c r="F550" s="9">
        <v>0</v>
      </c>
      <c r="G550" s="5" t="s">
        <v>1128</v>
      </c>
      <c r="H550" s="7" t="s">
        <v>1493</v>
      </c>
      <c r="I550" s="10">
        <v>4021005001969</v>
      </c>
      <c r="K550" s="12">
        <v>0</v>
      </c>
      <c r="L550" s="12">
        <v>0</v>
      </c>
    </row>
    <row r="551" spans="1:12" ht="21.75" customHeight="1" x14ac:dyDescent="0.2">
      <c r="A551" s="5">
        <v>550</v>
      </c>
      <c r="B551" s="6" t="s">
        <v>152</v>
      </c>
      <c r="C551" s="7" t="s">
        <v>406</v>
      </c>
      <c r="D551" s="7" t="s">
        <v>1494</v>
      </c>
      <c r="E551" s="8" t="s">
        <v>1495</v>
      </c>
      <c r="F551" s="9">
        <v>0</v>
      </c>
      <c r="G551" s="5" t="s">
        <v>1128</v>
      </c>
      <c r="H551" s="7" t="s">
        <v>1496</v>
      </c>
      <c r="I551" s="10">
        <v>6021005001975</v>
      </c>
      <c r="K551" s="12">
        <v>0</v>
      </c>
      <c r="L551" s="12">
        <v>0</v>
      </c>
    </row>
    <row r="552" spans="1:12" ht="21.75" customHeight="1" x14ac:dyDescent="0.2">
      <c r="A552" s="5">
        <v>551</v>
      </c>
      <c r="B552" s="6" t="s">
        <v>152</v>
      </c>
      <c r="C552" s="7" t="s">
        <v>406</v>
      </c>
      <c r="D552" s="7" t="s">
        <v>1497</v>
      </c>
      <c r="E552" s="8" t="s">
        <v>1498</v>
      </c>
      <c r="F552" s="9">
        <v>0</v>
      </c>
      <c r="G552" s="5" t="s">
        <v>1128</v>
      </c>
      <c r="H552" s="7" t="s">
        <v>1499</v>
      </c>
      <c r="I552" s="10">
        <v>6021005001967</v>
      </c>
      <c r="K552" s="12">
        <v>0</v>
      </c>
      <c r="L552" s="12">
        <v>0</v>
      </c>
    </row>
    <row r="553" spans="1:12" ht="21.75" customHeight="1" x14ac:dyDescent="0.2">
      <c r="A553" s="5">
        <v>552</v>
      </c>
      <c r="B553" s="6" t="s">
        <v>152</v>
      </c>
      <c r="C553" s="7" t="s">
        <v>406</v>
      </c>
      <c r="D553" s="7" t="s">
        <v>1500</v>
      </c>
      <c r="E553" s="8" t="s">
        <v>1501</v>
      </c>
      <c r="F553" s="9">
        <v>0</v>
      </c>
      <c r="G553" s="5" t="s">
        <v>1128</v>
      </c>
      <c r="H553" s="7" t="s">
        <v>1502</v>
      </c>
      <c r="I553" s="10">
        <v>9021005001972</v>
      </c>
      <c r="K553" s="12">
        <v>0</v>
      </c>
      <c r="L553" s="12">
        <v>0</v>
      </c>
    </row>
    <row r="554" spans="1:12" ht="21.75" customHeight="1" x14ac:dyDescent="0.2">
      <c r="A554" s="5">
        <v>553</v>
      </c>
      <c r="B554" s="6" t="s">
        <v>152</v>
      </c>
      <c r="C554" s="7" t="s">
        <v>406</v>
      </c>
      <c r="D554" s="7" t="s">
        <v>1503</v>
      </c>
      <c r="E554" s="8" t="s">
        <v>1504</v>
      </c>
      <c r="F554" s="9">
        <v>0</v>
      </c>
      <c r="G554" s="5" t="s">
        <v>1128</v>
      </c>
      <c r="H554" s="7" t="s">
        <v>1505</v>
      </c>
      <c r="I554" s="10">
        <v>1021005001971</v>
      </c>
      <c r="K554" s="12">
        <v>0</v>
      </c>
      <c r="L554" s="12">
        <v>0</v>
      </c>
    </row>
    <row r="555" spans="1:12" ht="21.75" customHeight="1" x14ac:dyDescent="0.2">
      <c r="A555" s="5">
        <v>554</v>
      </c>
      <c r="B555" s="6" t="s">
        <v>152</v>
      </c>
      <c r="C555" s="7" t="s">
        <v>406</v>
      </c>
      <c r="D555" s="7" t="s">
        <v>1506</v>
      </c>
      <c r="E555" s="8" t="s">
        <v>1507</v>
      </c>
      <c r="F555" s="9">
        <v>0</v>
      </c>
      <c r="G555" s="5" t="s">
        <v>1128</v>
      </c>
      <c r="H555" s="7" t="s">
        <v>1508</v>
      </c>
      <c r="I555" s="10">
        <v>2021005001979</v>
      </c>
      <c r="K555" s="12">
        <v>0</v>
      </c>
      <c r="L555" s="12">
        <v>0</v>
      </c>
    </row>
    <row r="556" spans="1:12" ht="21.75" customHeight="1" x14ac:dyDescent="0.2">
      <c r="A556" s="5">
        <v>555</v>
      </c>
      <c r="B556" s="6" t="s">
        <v>152</v>
      </c>
      <c r="C556" s="7" t="s">
        <v>406</v>
      </c>
      <c r="D556" s="7" t="s">
        <v>458</v>
      </c>
      <c r="E556" s="8" t="s">
        <v>1509</v>
      </c>
      <c r="F556" s="9" t="s">
        <v>163</v>
      </c>
      <c r="G556" s="5" t="s">
        <v>1128</v>
      </c>
      <c r="H556" s="7" t="s">
        <v>1510</v>
      </c>
      <c r="I556" s="10">
        <v>2021005001987</v>
      </c>
      <c r="K556" s="12">
        <v>0</v>
      </c>
      <c r="L556" s="12">
        <v>0</v>
      </c>
    </row>
    <row r="557" spans="1:12" ht="21.75" customHeight="1" x14ac:dyDescent="0.2">
      <c r="A557" s="5">
        <v>556</v>
      </c>
      <c r="B557" s="6" t="s">
        <v>152</v>
      </c>
      <c r="C557" s="7" t="s">
        <v>406</v>
      </c>
      <c r="D557" s="7" t="s">
        <v>1511</v>
      </c>
      <c r="E557" s="8" t="s">
        <v>1512</v>
      </c>
      <c r="F557" s="9">
        <v>0</v>
      </c>
      <c r="G557" s="5" t="s">
        <v>1128</v>
      </c>
      <c r="H557" s="7" t="s">
        <v>1513</v>
      </c>
      <c r="I557" s="10">
        <v>1021005001988</v>
      </c>
      <c r="K557" s="12">
        <v>0</v>
      </c>
      <c r="L557" s="12">
        <v>0</v>
      </c>
    </row>
    <row r="558" spans="1:12" ht="21.75" customHeight="1" x14ac:dyDescent="0.2">
      <c r="A558" s="5">
        <v>557</v>
      </c>
      <c r="B558" s="6" t="s">
        <v>152</v>
      </c>
      <c r="C558" s="7" t="s">
        <v>406</v>
      </c>
      <c r="D558" s="7" t="s">
        <v>1514</v>
      </c>
      <c r="E558" s="8" t="s">
        <v>456</v>
      </c>
      <c r="F558" s="9">
        <v>0</v>
      </c>
      <c r="G558" s="5" t="s">
        <v>1128</v>
      </c>
      <c r="H558" s="7" t="s">
        <v>1515</v>
      </c>
      <c r="I558" s="10">
        <v>9021005001989</v>
      </c>
      <c r="K558" s="12">
        <v>0</v>
      </c>
      <c r="L558" s="12">
        <v>0</v>
      </c>
    </row>
    <row r="559" spans="1:12" ht="21.75" customHeight="1" x14ac:dyDescent="0.2">
      <c r="A559" s="5">
        <v>558</v>
      </c>
      <c r="B559" s="6" t="s">
        <v>152</v>
      </c>
      <c r="C559" s="7" t="s">
        <v>406</v>
      </c>
      <c r="D559" s="7" t="s">
        <v>1516</v>
      </c>
      <c r="E559" s="8" t="s">
        <v>1517</v>
      </c>
      <c r="F559" s="9">
        <v>0</v>
      </c>
      <c r="G559" s="5" t="s">
        <v>1128</v>
      </c>
      <c r="H559" s="7" t="s">
        <v>1518</v>
      </c>
      <c r="I559" s="10">
        <v>4021005001985</v>
      </c>
      <c r="K559" s="12">
        <v>0</v>
      </c>
      <c r="L559" s="12">
        <v>0</v>
      </c>
    </row>
    <row r="560" spans="1:12" ht="21.75" customHeight="1" x14ac:dyDescent="0.2">
      <c r="A560" s="5">
        <v>559</v>
      </c>
      <c r="B560" s="6" t="s">
        <v>152</v>
      </c>
      <c r="C560" s="7" t="s">
        <v>406</v>
      </c>
      <c r="D560" s="7" t="s">
        <v>1516</v>
      </c>
      <c r="E560" s="8" t="s">
        <v>1519</v>
      </c>
      <c r="F560" s="9">
        <v>0</v>
      </c>
      <c r="G560" s="5" t="s">
        <v>1128</v>
      </c>
      <c r="H560" s="7" t="s">
        <v>1520</v>
      </c>
      <c r="I560" s="10">
        <v>4021005001977</v>
      </c>
      <c r="K560" s="12">
        <v>0</v>
      </c>
      <c r="L560" s="12">
        <v>0</v>
      </c>
    </row>
    <row r="561" spans="1:12" ht="21.75" customHeight="1" x14ac:dyDescent="0.2">
      <c r="A561" s="5">
        <v>560</v>
      </c>
      <c r="B561" s="6" t="s">
        <v>152</v>
      </c>
      <c r="C561" s="7" t="s">
        <v>406</v>
      </c>
      <c r="D561" s="7" t="s">
        <v>1521</v>
      </c>
      <c r="E561" s="8" t="s">
        <v>1522</v>
      </c>
      <c r="F561" s="9">
        <v>0</v>
      </c>
      <c r="G561" s="5" t="s">
        <v>1128</v>
      </c>
      <c r="H561" s="7" t="s">
        <v>1523</v>
      </c>
      <c r="I561" s="10">
        <v>3021005001978</v>
      </c>
      <c r="K561" s="12">
        <v>0</v>
      </c>
      <c r="L561" s="12">
        <v>0</v>
      </c>
    </row>
    <row r="562" spans="1:12" ht="21.75" customHeight="1" x14ac:dyDescent="0.2">
      <c r="A562" s="5">
        <v>561</v>
      </c>
      <c r="B562" s="6" t="s">
        <v>152</v>
      </c>
      <c r="C562" s="7" t="s">
        <v>406</v>
      </c>
      <c r="D562" s="7" t="s">
        <v>1524</v>
      </c>
      <c r="E562" s="8" t="s">
        <v>1525</v>
      </c>
      <c r="F562" s="9">
        <v>0</v>
      </c>
      <c r="G562" s="5" t="s">
        <v>1128</v>
      </c>
      <c r="H562" s="7" t="s">
        <v>1526</v>
      </c>
      <c r="I562" s="10">
        <v>3021005001986</v>
      </c>
      <c r="K562" s="12">
        <v>0</v>
      </c>
      <c r="L562" s="12">
        <v>0</v>
      </c>
    </row>
    <row r="563" spans="1:12" ht="21.75" customHeight="1" x14ac:dyDescent="0.2">
      <c r="A563" s="5">
        <v>562</v>
      </c>
      <c r="B563" s="6" t="s">
        <v>152</v>
      </c>
      <c r="C563" s="7" t="s">
        <v>406</v>
      </c>
      <c r="D563" s="7" t="s">
        <v>923</v>
      </c>
      <c r="E563" s="8" t="s">
        <v>1527</v>
      </c>
      <c r="F563" s="9">
        <v>0</v>
      </c>
      <c r="G563" s="5" t="s">
        <v>1128</v>
      </c>
      <c r="H563" s="7" t="s">
        <v>1528</v>
      </c>
      <c r="I563" s="10">
        <v>4021005001993</v>
      </c>
      <c r="K563" s="12">
        <v>0</v>
      </c>
      <c r="L563" s="12">
        <v>0</v>
      </c>
    </row>
    <row r="564" spans="1:12" ht="21.75" customHeight="1" x14ac:dyDescent="0.2">
      <c r="A564" s="5">
        <v>563</v>
      </c>
      <c r="B564" s="6" t="s">
        <v>152</v>
      </c>
      <c r="C564" s="7" t="s">
        <v>406</v>
      </c>
      <c r="D564" s="7" t="s">
        <v>1529</v>
      </c>
      <c r="E564" s="8" t="s">
        <v>1530</v>
      </c>
      <c r="F564" s="9">
        <v>0</v>
      </c>
      <c r="G564" s="5" t="s">
        <v>1128</v>
      </c>
      <c r="H564" s="7" t="s">
        <v>1531</v>
      </c>
      <c r="I564" s="10">
        <v>6021005002008</v>
      </c>
      <c r="K564" s="12">
        <v>0</v>
      </c>
      <c r="L564" s="12">
        <v>0</v>
      </c>
    </row>
    <row r="565" spans="1:12" ht="21.75" customHeight="1" x14ac:dyDescent="0.2">
      <c r="A565" s="5">
        <v>564</v>
      </c>
      <c r="B565" s="6" t="s">
        <v>152</v>
      </c>
      <c r="C565" s="7" t="s">
        <v>467</v>
      </c>
      <c r="D565" s="7" t="s">
        <v>1532</v>
      </c>
      <c r="E565" s="8" t="s">
        <v>1533</v>
      </c>
      <c r="F565" s="9">
        <v>0</v>
      </c>
      <c r="G565" s="5" t="s">
        <v>1128</v>
      </c>
      <c r="H565" s="7" t="s">
        <v>1534</v>
      </c>
      <c r="I565" s="10">
        <v>1021005001880</v>
      </c>
      <c r="K565" s="12">
        <v>0</v>
      </c>
      <c r="L565" s="12">
        <v>0</v>
      </c>
    </row>
    <row r="566" spans="1:12" ht="21.75" customHeight="1" x14ac:dyDescent="0.2">
      <c r="A566" s="5">
        <v>565</v>
      </c>
      <c r="B566" s="6" t="s">
        <v>152</v>
      </c>
      <c r="C566" s="7" t="s">
        <v>482</v>
      </c>
      <c r="D566" s="7" t="s">
        <v>1535</v>
      </c>
      <c r="E566" s="8" t="s">
        <v>1536</v>
      </c>
      <c r="F566" s="9">
        <v>0</v>
      </c>
      <c r="G566" s="5" t="s">
        <v>1128</v>
      </c>
      <c r="H566" s="7" t="s">
        <v>1537</v>
      </c>
      <c r="I566" s="10">
        <v>8021005001874</v>
      </c>
      <c r="K566" s="12">
        <v>0</v>
      </c>
      <c r="L566" s="12">
        <v>0</v>
      </c>
    </row>
    <row r="567" spans="1:12" ht="21.75" customHeight="1" x14ac:dyDescent="0.2">
      <c r="A567" s="5">
        <v>566</v>
      </c>
      <c r="B567" s="6" t="s">
        <v>152</v>
      </c>
      <c r="C567" s="7" t="s">
        <v>1538</v>
      </c>
      <c r="D567" s="7" t="s">
        <v>1539</v>
      </c>
      <c r="E567" s="8" t="s">
        <v>1540</v>
      </c>
      <c r="F567" s="9">
        <v>0</v>
      </c>
      <c r="G567" s="5" t="s">
        <v>1128</v>
      </c>
      <c r="H567" s="7" t="s">
        <v>1541</v>
      </c>
      <c r="I567" s="10">
        <v>1021005001947</v>
      </c>
      <c r="K567" s="12">
        <v>0</v>
      </c>
      <c r="L567" s="12">
        <v>0</v>
      </c>
    </row>
    <row r="568" spans="1:12" ht="21.75" customHeight="1" x14ac:dyDescent="0.2">
      <c r="A568" s="5">
        <v>567</v>
      </c>
      <c r="B568" s="6" t="s">
        <v>152</v>
      </c>
      <c r="C568" s="7" t="s">
        <v>1542</v>
      </c>
      <c r="D568" s="7" t="s">
        <v>1543</v>
      </c>
      <c r="E568" s="8" t="s">
        <v>1544</v>
      </c>
      <c r="F568" s="9">
        <v>0</v>
      </c>
      <c r="G568" s="5" t="s">
        <v>1128</v>
      </c>
      <c r="H568" s="7" t="s">
        <v>1545</v>
      </c>
      <c r="I568" s="10">
        <v>9021005001881</v>
      </c>
      <c r="K568" s="12">
        <v>0</v>
      </c>
      <c r="L568" s="12">
        <v>0</v>
      </c>
    </row>
    <row r="569" spans="1:12" ht="21.75" customHeight="1" x14ac:dyDescent="0.2">
      <c r="A569" s="5">
        <v>568</v>
      </c>
      <c r="B569" s="6" t="s">
        <v>152</v>
      </c>
      <c r="C569" s="7" t="s">
        <v>1546</v>
      </c>
      <c r="D569" s="7" t="s">
        <v>1547</v>
      </c>
      <c r="E569" s="8" t="s">
        <v>1548</v>
      </c>
      <c r="F569" s="9">
        <v>0</v>
      </c>
      <c r="G569" s="5" t="s">
        <v>1128</v>
      </c>
      <c r="H569" s="7" t="s">
        <v>1549</v>
      </c>
      <c r="I569" s="10">
        <v>4021005002315</v>
      </c>
      <c r="K569" s="12">
        <v>0</v>
      </c>
      <c r="L569" s="12">
        <v>0</v>
      </c>
    </row>
    <row r="570" spans="1:12" ht="21.75" customHeight="1" x14ac:dyDescent="0.2">
      <c r="A570" s="5">
        <v>569</v>
      </c>
      <c r="B570" s="6" t="s">
        <v>152</v>
      </c>
      <c r="C570" s="7" t="s">
        <v>489</v>
      </c>
      <c r="D570" s="7" t="s">
        <v>1550</v>
      </c>
      <c r="E570" s="8" t="s">
        <v>1551</v>
      </c>
      <c r="F570" s="9">
        <v>0</v>
      </c>
      <c r="G570" s="5" t="s">
        <v>1128</v>
      </c>
      <c r="H570" s="7" t="s">
        <v>1552</v>
      </c>
      <c r="I570" s="10">
        <v>9021005001956</v>
      </c>
      <c r="K570" s="12">
        <v>0</v>
      </c>
      <c r="L570" s="12">
        <v>0</v>
      </c>
    </row>
    <row r="571" spans="1:12" ht="21.75" customHeight="1" x14ac:dyDescent="0.2">
      <c r="A571" s="5">
        <v>570</v>
      </c>
      <c r="B571" s="6" t="s">
        <v>152</v>
      </c>
      <c r="C571" s="7" t="s">
        <v>489</v>
      </c>
      <c r="D571" s="7" t="s">
        <v>1553</v>
      </c>
      <c r="E571" s="8" t="s">
        <v>1554</v>
      </c>
      <c r="F571" s="9">
        <v>0</v>
      </c>
      <c r="G571" s="5" t="s">
        <v>1128</v>
      </c>
      <c r="H571" s="7" t="s">
        <v>1555</v>
      </c>
      <c r="I571" s="10">
        <v>1021005001930</v>
      </c>
      <c r="K571" s="12">
        <v>0</v>
      </c>
      <c r="L571" s="12">
        <v>0</v>
      </c>
    </row>
    <row r="572" spans="1:12" ht="21.75" customHeight="1" x14ac:dyDescent="0.2">
      <c r="A572" s="5">
        <v>571</v>
      </c>
      <c r="B572" s="6" t="s">
        <v>152</v>
      </c>
      <c r="C572" s="7" t="s">
        <v>489</v>
      </c>
      <c r="D572" s="7" t="s">
        <v>1556</v>
      </c>
      <c r="E572" s="8" t="s">
        <v>1557</v>
      </c>
      <c r="F572" s="9">
        <v>0</v>
      </c>
      <c r="G572" s="5" t="s">
        <v>1128</v>
      </c>
      <c r="H572" s="7" t="s">
        <v>1558</v>
      </c>
      <c r="I572" s="10">
        <v>4021005001960</v>
      </c>
      <c r="K572" s="12">
        <v>0</v>
      </c>
      <c r="L572" s="12">
        <v>0</v>
      </c>
    </row>
    <row r="573" spans="1:12" ht="21.75" customHeight="1" x14ac:dyDescent="0.2">
      <c r="A573" s="5">
        <v>572</v>
      </c>
      <c r="B573" s="6" t="s">
        <v>152</v>
      </c>
      <c r="C573" s="7" t="s">
        <v>489</v>
      </c>
      <c r="D573" s="7" t="s">
        <v>1559</v>
      </c>
      <c r="E573" s="8" t="s">
        <v>1560</v>
      </c>
      <c r="F573" s="9">
        <v>0</v>
      </c>
      <c r="G573" s="5" t="s">
        <v>1128</v>
      </c>
      <c r="H573" s="7" t="s">
        <v>1561</v>
      </c>
      <c r="I573" s="10">
        <v>2021005002317</v>
      </c>
      <c r="K573" s="12">
        <v>0</v>
      </c>
      <c r="L573" s="12">
        <v>0</v>
      </c>
    </row>
    <row r="574" spans="1:12" ht="21.75" customHeight="1" x14ac:dyDescent="0.2">
      <c r="A574" s="5">
        <v>573</v>
      </c>
      <c r="B574" s="6" t="s">
        <v>542</v>
      </c>
      <c r="C574" s="7" t="s">
        <v>543</v>
      </c>
      <c r="D574" s="7" t="s">
        <v>1562</v>
      </c>
      <c r="E574" s="8" t="s">
        <v>1563</v>
      </c>
      <c r="F574" s="9">
        <v>0</v>
      </c>
      <c r="G574" s="5" t="s">
        <v>1128</v>
      </c>
      <c r="H574" s="7" t="s">
        <v>1564</v>
      </c>
      <c r="I574" s="10">
        <v>3021005001953</v>
      </c>
      <c r="K574" s="12">
        <v>0</v>
      </c>
      <c r="L574" s="12">
        <v>0</v>
      </c>
    </row>
    <row r="575" spans="1:12" ht="21.75" customHeight="1" x14ac:dyDescent="0.2">
      <c r="A575" s="5">
        <v>574</v>
      </c>
      <c r="B575" s="6" t="s">
        <v>542</v>
      </c>
      <c r="C575" s="7" t="s">
        <v>543</v>
      </c>
      <c r="D575" s="7" t="s">
        <v>1565</v>
      </c>
      <c r="E575" s="8" t="s">
        <v>1566</v>
      </c>
      <c r="F575" s="9">
        <v>0</v>
      </c>
      <c r="G575" s="5" t="s">
        <v>1128</v>
      </c>
      <c r="H575" s="7" t="s">
        <v>1567</v>
      </c>
      <c r="I575" s="10">
        <v>8021005001949</v>
      </c>
      <c r="K575" s="12">
        <v>0</v>
      </c>
      <c r="L575" s="12">
        <v>0</v>
      </c>
    </row>
    <row r="576" spans="1:12" ht="21.75" customHeight="1" x14ac:dyDescent="0.2">
      <c r="A576" s="5">
        <v>575</v>
      </c>
      <c r="B576" s="6" t="s">
        <v>542</v>
      </c>
      <c r="C576" s="7" t="s">
        <v>543</v>
      </c>
      <c r="D576" s="7" t="s">
        <v>1568</v>
      </c>
      <c r="E576" s="8" t="s">
        <v>1569</v>
      </c>
      <c r="F576" s="9">
        <v>0</v>
      </c>
      <c r="G576" s="5" t="s">
        <v>1128</v>
      </c>
      <c r="H576" s="7" t="s">
        <v>1570</v>
      </c>
      <c r="I576" s="10">
        <v>6021005001950</v>
      </c>
      <c r="K576" s="12">
        <v>0</v>
      </c>
      <c r="L576" s="12">
        <v>0</v>
      </c>
    </row>
    <row r="577" spans="1:12" ht="21.75" customHeight="1" x14ac:dyDescent="0.2">
      <c r="A577" s="5">
        <v>576</v>
      </c>
      <c r="B577" s="6" t="s">
        <v>542</v>
      </c>
      <c r="C577" s="7" t="s">
        <v>543</v>
      </c>
      <c r="D577" s="7" t="s">
        <v>1571</v>
      </c>
      <c r="E577" s="8" t="s">
        <v>1572</v>
      </c>
      <c r="F577" s="9">
        <v>0</v>
      </c>
      <c r="G577" s="5" t="s">
        <v>1128</v>
      </c>
      <c r="H577" s="7" t="s">
        <v>1573</v>
      </c>
      <c r="I577" s="10">
        <v>2021005001954</v>
      </c>
      <c r="K577" s="12">
        <v>0</v>
      </c>
      <c r="L577" s="12">
        <v>0</v>
      </c>
    </row>
    <row r="578" spans="1:12" ht="21.75" customHeight="1" x14ac:dyDescent="0.2">
      <c r="A578" s="5">
        <v>577</v>
      </c>
      <c r="B578" s="6" t="s">
        <v>542</v>
      </c>
      <c r="C578" s="7" t="s">
        <v>543</v>
      </c>
      <c r="D578" s="7" t="s">
        <v>1574</v>
      </c>
      <c r="E578" s="8" t="s">
        <v>1575</v>
      </c>
      <c r="F578" s="9">
        <v>0</v>
      </c>
      <c r="G578" s="5" t="s">
        <v>1128</v>
      </c>
      <c r="H578" s="7" t="s">
        <v>1576</v>
      </c>
      <c r="I578" s="10">
        <v>4021005001952</v>
      </c>
      <c r="K578" s="12">
        <v>0</v>
      </c>
      <c r="L578" s="12">
        <v>0</v>
      </c>
    </row>
    <row r="579" spans="1:12" ht="21.75" customHeight="1" x14ac:dyDescent="0.2">
      <c r="A579" s="5">
        <v>578</v>
      </c>
      <c r="B579" s="6" t="s">
        <v>542</v>
      </c>
      <c r="C579" s="7" t="s">
        <v>565</v>
      </c>
      <c r="D579" s="7" t="s">
        <v>1577</v>
      </c>
      <c r="E579" s="8" t="s">
        <v>1578</v>
      </c>
      <c r="F579" s="9">
        <v>0</v>
      </c>
      <c r="G579" s="5" t="s">
        <v>1128</v>
      </c>
      <c r="H579" s="7" t="s">
        <v>1579</v>
      </c>
      <c r="I579" s="10">
        <v>9021005001948</v>
      </c>
      <c r="K579" s="12">
        <v>0</v>
      </c>
      <c r="L579" s="12">
        <v>0</v>
      </c>
    </row>
    <row r="580" spans="1:12" ht="21.75" customHeight="1" x14ac:dyDescent="0.2">
      <c r="A580" s="5">
        <v>579</v>
      </c>
      <c r="B580" s="6" t="s">
        <v>542</v>
      </c>
      <c r="C580" s="7" t="s">
        <v>591</v>
      </c>
      <c r="D580" s="7" t="s">
        <v>1580</v>
      </c>
      <c r="E580" s="8" t="s">
        <v>1581</v>
      </c>
      <c r="F580" s="9">
        <v>0</v>
      </c>
      <c r="G580" s="5" t="s">
        <v>1128</v>
      </c>
      <c r="H580" s="7" t="s">
        <v>1582</v>
      </c>
      <c r="I580" s="10">
        <v>5021005011703</v>
      </c>
      <c r="K580" s="12">
        <v>0</v>
      </c>
      <c r="L580" s="12">
        <v>0</v>
      </c>
    </row>
    <row r="581" spans="1:12" ht="21.75" customHeight="1" x14ac:dyDescent="0.2">
      <c r="A581" s="5">
        <v>580</v>
      </c>
      <c r="B581" s="6" t="s">
        <v>542</v>
      </c>
      <c r="C581" s="7" t="s">
        <v>591</v>
      </c>
      <c r="D581" s="7" t="s">
        <v>1583</v>
      </c>
      <c r="E581" s="8" t="s">
        <v>1584</v>
      </c>
      <c r="F581" s="9">
        <v>0</v>
      </c>
      <c r="G581" s="5" t="s">
        <v>1128</v>
      </c>
      <c r="H581" s="7" t="s">
        <v>1585</v>
      </c>
      <c r="I581" s="10">
        <v>3021005012694</v>
      </c>
      <c r="K581" s="12">
        <v>0</v>
      </c>
      <c r="L581" s="12">
        <v>0</v>
      </c>
    </row>
    <row r="582" spans="1:12" ht="21.75" customHeight="1" x14ac:dyDescent="0.2">
      <c r="A582" s="5">
        <v>581</v>
      </c>
      <c r="B582" s="6" t="s">
        <v>542</v>
      </c>
      <c r="C582" s="7" t="s">
        <v>591</v>
      </c>
      <c r="D582" s="7" t="s">
        <v>1586</v>
      </c>
      <c r="E582" s="8" t="s">
        <v>1587</v>
      </c>
      <c r="F582" s="9">
        <v>0</v>
      </c>
      <c r="G582" s="5" t="s">
        <v>1128</v>
      </c>
      <c r="H582" s="7" t="s">
        <v>1588</v>
      </c>
      <c r="I582" s="10">
        <v>2021005001855</v>
      </c>
      <c r="K582" s="12">
        <v>0</v>
      </c>
      <c r="L582" s="12">
        <v>0</v>
      </c>
    </row>
    <row r="583" spans="1:12" ht="21.75" customHeight="1" x14ac:dyDescent="0.2">
      <c r="A583" s="5">
        <v>582</v>
      </c>
      <c r="B583" s="6" t="s">
        <v>542</v>
      </c>
      <c r="C583" s="7" t="s">
        <v>591</v>
      </c>
      <c r="D583" s="7" t="s">
        <v>1589</v>
      </c>
      <c r="E583" s="8" t="s">
        <v>1590</v>
      </c>
      <c r="F583" s="9">
        <v>0</v>
      </c>
      <c r="G583" s="5" t="s">
        <v>1128</v>
      </c>
      <c r="H583" s="7" t="s">
        <v>1591</v>
      </c>
      <c r="I583" s="10">
        <v>9021005013349</v>
      </c>
      <c r="K583" s="12">
        <v>0</v>
      </c>
      <c r="L583" s="12">
        <v>0</v>
      </c>
    </row>
    <row r="584" spans="1:12" ht="21.75" customHeight="1" x14ac:dyDescent="0.2">
      <c r="A584" s="5">
        <v>583</v>
      </c>
      <c r="B584" s="6" t="s">
        <v>598</v>
      </c>
      <c r="C584" s="7" t="s">
        <v>599</v>
      </c>
      <c r="D584" s="7" t="s">
        <v>1592</v>
      </c>
      <c r="E584" s="8" t="s">
        <v>1593</v>
      </c>
      <c r="F584" s="9">
        <v>0</v>
      </c>
      <c r="G584" s="5" t="s">
        <v>1128</v>
      </c>
      <c r="H584" s="7" t="s">
        <v>1594</v>
      </c>
      <c r="I584" s="10">
        <v>7021005001941</v>
      </c>
      <c r="K584" s="12">
        <v>0</v>
      </c>
      <c r="L584" s="12">
        <v>0</v>
      </c>
    </row>
    <row r="585" spans="1:12" ht="21.75" customHeight="1" x14ac:dyDescent="0.2">
      <c r="A585" s="5">
        <v>584</v>
      </c>
      <c r="B585" s="6" t="s">
        <v>598</v>
      </c>
      <c r="C585" s="7" t="s">
        <v>1595</v>
      </c>
      <c r="D585" s="7" t="s">
        <v>1596</v>
      </c>
      <c r="E585" s="8" t="s">
        <v>1597</v>
      </c>
      <c r="F585" s="9">
        <v>0</v>
      </c>
      <c r="G585" s="5" t="s">
        <v>1128</v>
      </c>
      <c r="H585" s="7" t="s">
        <v>1598</v>
      </c>
      <c r="I585" s="10">
        <v>9021005001840</v>
      </c>
      <c r="K585" s="12">
        <v>0</v>
      </c>
      <c r="L585" s="12">
        <v>0</v>
      </c>
    </row>
    <row r="586" spans="1:12" ht="21.75" customHeight="1" x14ac:dyDescent="0.2">
      <c r="A586" s="5">
        <v>585</v>
      </c>
      <c r="B586" s="6" t="s">
        <v>12</v>
      </c>
      <c r="C586" s="7" t="s">
        <v>13</v>
      </c>
      <c r="D586" s="7" t="s">
        <v>1599</v>
      </c>
      <c r="E586" s="8" t="s">
        <v>1600</v>
      </c>
      <c r="F586" s="9">
        <v>0</v>
      </c>
      <c r="G586" s="5" t="s">
        <v>1601</v>
      </c>
      <c r="H586" s="7" t="s">
        <v>1602</v>
      </c>
      <c r="I586" s="10">
        <v>7021005000150</v>
      </c>
      <c r="K586" s="12">
        <v>0</v>
      </c>
      <c r="L586" s="12">
        <v>0</v>
      </c>
    </row>
    <row r="587" spans="1:12" ht="21.75" customHeight="1" x14ac:dyDescent="0.2">
      <c r="A587" s="5">
        <v>586</v>
      </c>
      <c r="B587" s="6" t="s">
        <v>12</v>
      </c>
      <c r="C587" s="7" t="s">
        <v>13</v>
      </c>
      <c r="D587" s="7" t="s">
        <v>1603</v>
      </c>
      <c r="E587" s="8" t="s">
        <v>1600</v>
      </c>
      <c r="F587" s="9">
        <v>0</v>
      </c>
      <c r="G587" s="5" t="s">
        <v>1601</v>
      </c>
      <c r="H587" s="7" t="s">
        <v>1604</v>
      </c>
      <c r="I587" s="10">
        <v>9021005000149</v>
      </c>
      <c r="K587" s="12">
        <v>0</v>
      </c>
      <c r="L587" s="12">
        <v>0</v>
      </c>
    </row>
    <row r="588" spans="1:12" ht="21.75" customHeight="1" x14ac:dyDescent="0.2">
      <c r="A588" s="5">
        <v>587</v>
      </c>
      <c r="B588" s="6" t="s">
        <v>12</v>
      </c>
      <c r="C588" s="7" t="s">
        <v>13</v>
      </c>
      <c r="D588" s="7" t="s">
        <v>1133</v>
      </c>
      <c r="E588" s="8" t="s">
        <v>1600</v>
      </c>
      <c r="F588" s="9">
        <v>0</v>
      </c>
      <c r="G588" s="5" t="s">
        <v>1601</v>
      </c>
      <c r="H588" s="7" t="s">
        <v>1605</v>
      </c>
      <c r="I588" s="10">
        <v>1021005000148</v>
      </c>
      <c r="K588" s="12">
        <v>0</v>
      </c>
      <c r="L588" s="12">
        <v>0</v>
      </c>
    </row>
    <row r="589" spans="1:12" ht="21.75" customHeight="1" x14ac:dyDescent="0.2">
      <c r="A589" s="5">
        <v>588</v>
      </c>
      <c r="B589" s="6" t="s">
        <v>12</v>
      </c>
      <c r="C589" s="7" t="s">
        <v>13</v>
      </c>
      <c r="D589" s="7" t="s">
        <v>1133</v>
      </c>
      <c r="E589" s="8" t="s">
        <v>1600</v>
      </c>
      <c r="F589" s="9">
        <v>0</v>
      </c>
      <c r="G589" s="5" t="s">
        <v>1601</v>
      </c>
      <c r="H589" s="7" t="s">
        <v>1606</v>
      </c>
      <c r="I589" s="10">
        <v>6021005000151</v>
      </c>
      <c r="K589" s="12">
        <v>0</v>
      </c>
      <c r="L589" s="12">
        <v>0</v>
      </c>
    </row>
    <row r="590" spans="1:12" ht="21.75" customHeight="1" x14ac:dyDescent="0.2">
      <c r="A590" s="5">
        <v>589</v>
      </c>
      <c r="B590" s="6" t="s">
        <v>12</v>
      </c>
      <c r="C590" s="7" t="s">
        <v>13</v>
      </c>
      <c r="D590" s="7" t="s">
        <v>1607</v>
      </c>
      <c r="E590" s="8" t="s">
        <v>1608</v>
      </c>
      <c r="F590" s="9">
        <v>0</v>
      </c>
      <c r="G590" s="5" t="s">
        <v>1601</v>
      </c>
      <c r="H590" s="7" t="s">
        <v>1609</v>
      </c>
      <c r="I590" s="10">
        <v>4021005000153</v>
      </c>
      <c r="K590" s="12">
        <v>0</v>
      </c>
      <c r="L590" s="12">
        <v>0</v>
      </c>
    </row>
    <row r="591" spans="1:12" ht="21.75" customHeight="1" x14ac:dyDescent="0.2">
      <c r="A591" s="5">
        <v>590</v>
      </c>
      <c r="B591" s="6" t="s">
        <v>12</v>
      </c>
      <c r="C591" s="7" t="s">
        <v>13</v>
      </c>
      <c r="D591" s="7" t="s">
        <v>1610</v>
      </c>
      <c r="E591" s="8" t="s">
        <v>1183</v>
      </c>
      <c r="F591" s="9">
        <v>0</v>
      </c>
      <c r="G591" s="5" t="s">
        <v>1601</v>
      </c>
      <c r="H591" s="7" t="s">
        <v>1611</v>
      </c>
      <c r="I591" s="10">
        <v>3021005000154</v>
      </c>
      <c r="K591" s="12">
        <v>0</v>
      </c>
      <c r="L591" s="12">
        <v>0</v>
      </c>
    </row>
    <row r="592" spans="1:12" ht="21.75" customHeight="1" x14ac:dyDescent="0.2">
      <c r="A592" s="5">
        <v>591</v>
      </c>
      <c r="B592" s="6" t="s">
        <v>12</v>
      </c>
      <c r="C592" s="7" t="s">
        <v>13</v>
      </c>
      <c r="D592" s="7" t="s">
        <v>1612</v>
      </c>
      <c r="E592" s="8" t="s">
        <v>1613</v>
      </c>
      <c r="F592" s="9">
        <v>0</v>
      </c>
      <c r="G592" s="5" t="s">
        <v>1601</v>
      </c>
      <c r="H592" s="7" t="s">
        <v>1614</v>
      </c>
      <c r="I592" s="10">
        <v>8021005000158</v>
      </c>
      <c r="K592" s="12">
        <v>0</v>
      </c>
      <c r="L592" s="12">
        <v>0</v>
      </c>
    </row>
    <row r="593" spans="1:12" ht="21.75" customHeight="1" x14ac:dyDescent="0.2">
      <c r="A593" s="5">
        <v>592</v>
      </c>
      <c r="B593" s="6" t="s">
        <v>12</v>
      </c>
      <c r="C593" s="7" t="s">
        <v>13</v>
      </c>
      <c r="D593" s="7" t="s">
        <v>1615</v>
      </c>
      <c r="E593" s="8" t="s">
        <v>1616</v>
      </c>
      <c r="F593" s="9">
        <v>0</v>
      </c>
      <c r="G593" s="5" t="s">
        <v>1601</v>
      </c>
      <c r="H593" s="7" t="s">
        <v>1617</v>
      </c>
      <c r="I593" s="10">
        <v>9021005000157</v>
      </c>
      <c r="K593" s="12">
        <v>0</v>
      </c>
      <c r="L593" s="12">
        <v>0</v>
      </c>
    </row>
    <row r="594" spans="1:12" ht="21.75" customHeight="1" x14ac:dyDescent="0.2">
      <c r="A594" s="5">
        <v>593</v>
      </c>
      <c r="B594" s="6" t="s">
        <v>12</v>
      </c>
      <c r="C594" s="7" t="s">
        <v>13</v>
      </c>
      <c r="D594" s="7" t="s">
        <v>1618</v>
      </c>
      <c r="E594" s="8" t="s">
        <v>1600</v>
      </c>
      <c r="F594" s="9">
        <v>0</v>
      </c>
      <c r="G594" s="5" t="s">
        <v>1601</v>
      </c>
      <c r="H594" s="7" t="s">
        <v>1619</v>
      </c>
      <c r="I594" s="10">
        <v>3021005000162</v>
      </c>
      <c r="K594" s="12">
        <v>0</v>
      </c>
      <c r="L594" s="12">
        <v>0</v>
      </c>
    </row>
    <row r="595" spans="1:12" ht="21.75" customHeight="1" x14ac:dyDescent="0.2">
      <c r="A595" s="5">
        <v>594</v>
      </c>
      <c r="B595" s="6" t="s">
        <v>12</v>
      </c>
      <c r="C595" s="7" t="s">
        <v>13</v>
      </c>
      <c r="D595" s="7" t="s">
        <v>1620</v>
      </c>
      <c r="E595" s="8" t="s">
        <v>1621</v>
      </c>
      <c r="F595" s="9" t="s">
        <v>163</v>
      </c>
      <c r="G595" s="5" t="s">
        <v>1601</v>
      </c>
      <c r="H595" s="7" t="s">
        <v>1622</v>
      </c>
      <c r="I595" s="10">
        <v>4021005000161</v>
      </c>
      <c r="K595" s="12">
        <v>0</v>
      </c>
      <c r="L595" s="12">
        <v>0</v>
      </c>
    </row>
    <row r="596" spans="1:12" ht="21.75" customHeight="1" x14ac:dyDescent="0.2">
      <c r="A596" s="5">
        <v>595</v>
      </c>
      <c r="B596" s="6" t="s">
        <v>12</v>
      </c>
      <c r="C596" s="7" t="s">
        <v>13</v>
      </c>
      <c r="D596" s="7" t="s">
        <v>1623</v>
      </c>
      <c r="E596" s="8" t="s">
        <v>1624</v>
      </c>
      <c r="F596" s="9">
        <v>0</v>
      </c>
      <c r="G596" s="5" t="s">
        <v>1601</v>
      </c>
      <c r="H596" s="7" t="s">
        <v>1625</v>
      </c>
      <c r="I596" s="10">
        <v>5021005000160</v>
      </c>
      <c r="K596" s="12">
        <v>0</v>
      </c>
      <c r="L596" s="12">
        <v>0</v>
      </c>
    </row>
    <row r="597" spans="1:12" ht="21.75" customHeight="1" x14ac:dyDescent="0.2">
      <c r="A597" s="5">
        <v>596</v>
      </c>
      <c r="B597" s="6" t="s">
        <v>12</v>
      </c>
      <c r="C597" s="7" t="s">
        <v>13</v>
      </c>
      <c r="D597" s="7" t="s">
        <v>1626</v>
      </c>
      <c r="E597" s="8" t="s">
        <v>1627</v>
      </c>
      <c r="F597" s="9">
        <v>0</v>
      </c>
      <c r="G597" s="5" t="s">
        <v>1601</v>
      </c>
      <c r="H597" s="7" t="s">
        <v>1628</v>
      </c>
      <c r="I597" s="10">
        <v>5021005000169</v>
      </c>
      <c r="K597" s="12">
        <v>0</v>
      </c>
      <c r="L597" s="12">
        <v>0</v>
      </c>
    </row>
    <row r="598" spans="1:12" ht="21.75" customHeight="1" x14ac:dyDescent="0.2">
      <c r="A598" s="5">
        <v>597</v>
      </c>
      <c r="B598" s="6" t="s">
        <v>12</v>
      </c>
      <c r="C598" s="7" t="s">
        <v>13</v>
      </c>
      <c r="D598" s="7" t="s">
        <v>47</v>
      </c>
      <c r="E598" s="8" t="s">
        <v>1600</v>
      </c>
      <c r="F598" s="9">
        <v>0</v>
      </c>
      <c r="G598" s="5" t="s">
        <v>1601</v>
      </c>
      <c r="H598" s="7" t="s">
        <v>1629</v>
      </c>
      <c r="I598" s="10">
        <v>8021005000166</v>
      </c>
      <c r="K598" s="12">
        <v>0</v>
      </c>
      <c r="L598" s="12">
        <v>0</v>
      </c>
    </row>
    <row r="599" spans="1:12" ht="21.75" customHeight="1" x14ac:dyDescent="0.2">
      <c r="A599" s="5">
        <v>598</v>
      </c>
      <c r="B599" s="6" t="s">
        <v>12</v>
      </c>
      <c r="C599" s="7" t="s">
        <v>13</v>
      </c>
      <c r="D599" s="7" t="s">
        <v>47</v>
      </c>
      <c r="E599" s="8" t="s">
        <v>1600</v>
      </c>
      <c r="F599" s="9">
        <v>0</v>
      </c>
      <c r="G599" s="5" t="s">
        <v>1601</v>
      </c>
      <c r="H599" s="7" t="s">
        <v>1630</v>
      </c>
      <c r="I599" s="10">
        <v>7021005000167</v>
      </c>
      <c r="K599" s="12">
        <v>0</v>
      </c>
      <c r="L599" s="12">
        <v>0</v>
      </c>
    </row>
    <row r="600" spans="1:12" ht="21.75" customHeight="1" x14ac:dyDescent="0.2">
      <c r="A600" s="5">
        <v>599</v>
      </c>
      <c r="B600" s="6" t="s">
        <v>12</v>
      </c>
      <c r="C600" s="7" t="s">
        <v>13</v>
      </c>
      <c r="D600" s="7" t="s">
        <v>1631</v>
      </c>
      <c r="E600" s="8" t="s">
        <v>1624</v>
      </c>
      <c r="F600" s="9">
        <v>0</v>
      </c>
      <c r="G600" s="5" t="s">
        <v>1601</v>
      </c>
      <c r="H600" s="7" t="s">
        <v>1632</v>
      </c>
      <c r="I600" s="10">
        <v>2021005000147</v>
      </c>
      <c r="K600" s="12">
        <v>0</v>
      </c>
      <c r="L600" s="12">
        <v>0</v>
      </c>
    </row>
    <row r="601" spans="1:12" ht="21.75" customHeight="1" x14ac:dyDescent="0.2">
      <c r="A601" s="5">
        <v>600</v>
      </c>
      <c r="B601" s="6" t="s">
        <v>12</v>
      </c>
      <c r="C601" s="7" t="s">
        <v>13</v>
      </c>
      <c r="D601" s="7" t="s">
        <v>1633</v>
      </c>
      <c r="E601" s="8" t="s">
        <v>1600</v>
      </c>
      <c r="F601" s="9">
        <v>0</v>
      </c>
      <c r="G601" s="5" t="s">
        <v>1601</v>
      </c>
      <c r="H601" s="7" t="s">
        <v>1634</v>
      </c>
      <c r="I601" s="10">
        <v>1021005000172</v>
      </c>
      <c r="K601" s="12">
        <v>0</v>
      </c>
      <c r="L601" s="12">
        <v>0</v>
      </c>
    </row>
    <row r="602" spans="1:12" ht="21.75" customHeight="1" x14ac:dyDescent="0.2">
      <c r="A602" s="5">
        <v>601</v>
      </c>
      <c r="B602" s="6" t="s">
        <v>12</v>
      </c>
      <c r="C602" s="7" t="s">
        <v>13</v>
      </c>
      <c r="D602" s="7" t="s">
        <v>53</v>
      </c>
      <c r="E602" s="8" t="s">
        <v>1635</v>
      </c>
      <c r="F602" s="9">
        <v>0</v>
      </c>
      <c r="G602" s="5" t="s">
        <v>1601</v>
      </c>
      <c r="H602" s="7" t="s">
        <v>1636</v>
      </c>
      <c r="I602" s="10">
        <v>3021005000278</v>
      </c>
      <c r="K602" s="12">
        <v>0</v>
      </c>
      <c r="L602" s="12">
        <v>0</v>
      </c>
    </row>
    <row r="603" spans="1:12" ht="21.75" customHeight="1" x14ac:dyDescent="0.2">
      <c r="A603" s="5">
        <v>602</v>
      </c>
      <c r="B603" s="6" t="s">
        <v>12</v>
      </c>
      <c r="C603" s="7" t="s">
        <v>13</v>
      </c>
      <c r="D603" s="7" t="s">
        <v>53</v>
      </c>
      <c r="E603" s="8" t="s">
        <v>1624</v>
      </c>
      <c r="F603" s="9">
        <v>0</v>
      </c>
      <c r="G603" s="5" t="s">
        <v>1601</v>
      </c>
      <c r="H603" s="7" t="s">
        <v>1637</v>
      </c>
      <c r="I603" s="10">
        <v>6021005000275</v>
      </c>
      <c r="K603" s="12">
        <v>0</v>
      </c>
      <c r="L603" s="12">
        <v>0</v>
      </c>
    </row>
    <row r="604" spans="1:12" ht="21.75" customHeight="1" x14ac:dyDescent="0.2">
      <c r="A604" s="5">
        <v>603</v>
      </c>
      <c r="B604" s="6" t="s">
        <v>12</v>
      </c>
      <c r="C604" s="7" t="s">
        <v>13</v>
      </c>
      <c r="D604" s="7" t="s">
        <v>53</v>
      </c>
      <c r="E604" s="8" t="s">
        <v>1638</v>
      </c>
      <c r="F604" s="9">
        <v>0</v>
      </c>
      <c r="G604" s="5" t="s">
        <v>1601</v>
      </c>
      <c r="H604" s="7" t="s">
        <v>1639</v>
      </c>
      <c r="I604" s="10">
        <v>5021005000276</v>
      </c>
      <c r="K604" s="12">
        <v>0</v>
      </c>
      <c r="L604" s="12">
        <v>0</v>
      </c>
    </row>
    <row r="605" spans="1:12" ht="21.75" customHeight="1" x14ac:dyDescent="0.2">
      <c r="A605" s="5">
        <v>604</v>
      </c>
      <c r="B605" s="6" t="s">
        <v>12</v>
      </c>
      <c r="C605" s="7" t="s">
        <v>13</v>
      </c>
      <c r="D605" s="7" t="s">
        <v>1640</v>
      </c>
      <c r="E605" s="8" t="s">
        <v>1621</v>
      </c>
      <c r="F605" s="9" t="s">
        <v>163</v>
      </c>
      <c r="G605" s="5" t="s">
        <v>1601</v>
      </c>
      <c r="H605" s="7" t="s">
        <v>1641</v>
      </c>
      <c r="I605" s="10">
        <v>8021005000174</v>
      </c>
      <c r="K605" s="12">
        <v>0</v>
      </c>
      <c r="L605" s="12">
        <v>0</v>
      </c>
    </row>
    <row r="606" spans="1:12" ht="21.75" customHeight="1" x14ac:dyDescent="0.2">
      <c r="A606" s="5">
        <v>605</v>
      </c>
      <c r="B606" s="6" t="s">
        <v>12</v>
      </c>
      <c r="C606" s="7" t="s">
        <v>13</v>
      </c>
      <c r="D606" s="7" t="s">
        <v>1642</v>
      </c>
      <c r="E606" s="8" t="s">
        <v>1638</v>
      </c>
      <c r="F606" s="9">
        <v>0</v>
      </c>
      <c r="G606" s="5" t="s">
        <v>1601</v>
      </c>
      <c r="H606" s="7" t="s">
        <v>1643</v>
      </c>
      <c r="I606" s="10">
        <v>6021005000176</v>
      </c>
      <c r="K606" s="12">
        <v>0</v>
      </c>
      <c r="L606" s="12">
        <v>0</v>
      </c>
    </row>
    <row r="607" spans="1:12" ht="21.75" customHeight="1" x14ac:dyDescent="0.2">
      <c r="A607" s="5">
        <v>606</v>
      </c>
      <c r="B607" s="6" t="s">
        <v>12</v>
      </c>
      <c r="C607" s="7" t="s">
        <v>13</v>
      </c>
      <c r="D607" s="7" t="s">
        <v>1644</v>
      </c>
      <c r="E607" s="8" t="s">
        <v>1645</v>
      </c>
      <c r="F607" s="9">
        <v>0</v>
      </c>
      <c r="G607" s="5" t="s">
        <v>1601</v>
      </c>
      <c r="H607" s="7" t="s">
        <v>1646</v>
      </c>
      <c r="I607" s="10">
        <v>4021005000178</v>
      </c>
      <c r="K607" s="12">
        <v>0</v>
      </c>
      <c r="L607" s="12">
        <v>0</v>
      </c>
    </row>
    <row r="608" spans="1:12" ht="21.75" customHeight="1" x14ac:dyDescent="0.2">
      <c r="A608" s="5">
        <v>607</v>
      </c>
      <c r="B608" s="6" t="s">
        <v>12</v>
      </c>
      <c r="C608" s="7" t="s">
        <v>13</v>
      </c>
      <c r="D608" s="7" t="s">
        <v>1644</v>
      </c>
      <c r="E608" s="8" t="s">
        <v>1647</v>
      </c>
      <c r="F608" s="9">
        <v>0</v>
      </c>
      <c r="G608" s="5" t="s">
        <v>1601</v>
      </c>
      <c r="H608" s="7" t="s">
        <v>1648</v>
      </c>
      <c r="I608" s="10">
        <v>5021005000177</v>
      </c>
      <c r="K608" s="12">
        <v>0</v>
      </c>
      <c r="L608" s="12">
        <v>0</v>
      </c>
    </row>
    <row r="609" spans="1:12" ht="21.75" customHeight="1" x14ac:dyDescent="0.2">
      <c r="A609" s="5">
        <v>608</v>
      </c>
      <c r="B609" s="6" t="s">
        <v>12</v>
      </c>
      <c r="C609" s="7" t="s">
        <v>13</v>
      </c>
      <c r="D609" s="7" t="s">
        <v>1649</v>
      </c>
      <c r="E609" s="8" t="s">
        <v>1650</v>
      </c>
      <c r="F609" s="9">
        <v>0</v>
      </c>
      <c r="G609" s="5" t="s">
        <v>1601</v>
      </c>
      <c r="H609" s="7" t="s">
        <v>1651</v>
      </c>
      <c r="I609" s="10">
        <v>7021005000175</v>
      </c>
      <c r="K609" s="12">
        <v>0</v>
      </c>
      <c r="L609" s="12">
        <v>0</v>
      </c>
    </row>
    <row r="610" spans="1:12" ht="21.75" customHeight="1" x14ac:dyDescent="0.2">
      <c r="A610" s="5">
        <v>609</v>
      </c>
      <c r="B610" s="6" t="s">
        <v>12</v>
      </c>
      <c r="C610" s="7" t="s">
        <v>13</v>
      </c>
      <c r="D610" s="7" t="s">
        <v>1652</v>
      </c>
      <c r="E610" s="8" t="s">
        <v>1621</v>
      </c>
      <c r="F610" s="9" t="s">
        <v>163</v>
      </c>
      <c r="G610" s="5" t="s">
        <v>1601</v>
      </c>
      <c r="H610" s="7" t="s">
        <v>1653</v>
      </c>
      <c r="I610" s="10">
        <v>6021005000218</v>
      </c>
      <c r="K610" s="12">
        <v>0</v>
      </c>
      <c r="L610" s="12">
        <v>0</v>
      </c>
    </row>
    <row r="611" spans="1:12" ht="21.75" customHeight="1" x14ac:dyDescent="0.2">
      <c r="A611" s="5">
        <v>610</v>
      </c>
      <c r="B611" s="6" t="s">
        <v>12</v>
      </c>
      <c r="C611" s="7" t="s">
        <v>13</v>
      </c>
      <c r="D611" s="7" t="s">
        <v>1654</v>
      </c>
      <c r="E611" s="8" t="s">
        <v>1600</v>
      </c>
      <c r="F611" s="9">
        <v>0</v>
      </c>
      <c r="G611" s="5" t="s">
        <v>1601</v>
      </c>
      <c r="H611" s="7" t="s">
        <v>1655</v>
      </c>
      <c r="I611" s="10">
        <v>3021005000187</v>
      </c>
      <c r="K611" s="12">
        <v>0</v>
      </c>
      <c r="L611" s="12">
        <v>0</v>
      </c>
    </row>
    <row r="612" spans="1:12" ht="21.75" customHeight="1" x14ac:dyDescent="0.2">
      <c r="A612" s="5">
        <v>611</v>
      </c>
      <c r="B612" s="6" t="s">
        <v>12</v>
      </c>
      <c r="C612" s="7" t="s">
        <v>13</v>
      </c>
      <c r="D612" s="7" t="s">
        <v>1195</v>
      </c>
      <c r="E612" s="8" t="s">
        <v>1638</v>
      </c>
      <c r="F612" s="9">
        <v>0</v>
      </c>
      <c r="G612" s="5" t="s">
        <v>1601</v>
      </c>
      <c r="H612" s="7" t="s">
        <v>1656</v>
      </c>
      <c r="I612" s="10">
        <v>1021005000180</v>
      </c>
      <c r="K612" s="12">
        <v>0</v>
      </c>
      <c r="L612" s="12">
        <v>0</v>
      </c>
    </row>
    <row r="613" spans="1:12" ht="21.75" customHeight="1" x14ac:dyDescent="0.2">
      <c r="A613" s="5">
        <v>612</v>
      </c>
      <c r="B613" s="6" t="s">
        <v>12</v>
      </c>
      <c r="C613" s="7" t="s">
        <v>13</v>
      </c>
      <c r="D613" s="7" t="s">
        <v>59</v>
      </c>
      <c r="E613" s="8" t="s">
        <v>1600</v>
      </c>
      <c r="F613" s="9">
        <v>0</v>
      </c>
      <c r="G613" s="5" t="s">
        <v>1601</v>
      </c>
      <c r="H613" s="7" t="s">
        <v>1657</v>
      </c>
      <c r="I613" s="10">
        <v>5021005000185</v>
      </c>
      <c r="K613" s="12">
        <v>0</v>
      </c>
      <c r="L613" s="12">
        <v>0</v>
      </c>
    </row>
    <row r="614" spans="1:12" ht="21.75" customHeight="1" x14ac:dyDescent="0.2">
      <c r="A614" s="5">
        <v>613</v>
      </c>
      <c r="B614" s="6" t="s">
        <v>12</v>
      </c>
      <c r="C614" s="7" t="s">
        <v>13</v>
      </c>
      <c r="D614" s="7" t="s">
        <v>59</v>
      </c>
      <c r="E614" s="8" t="s">
        <v>1621</v>
      </c>
      <c r="F614" s="9" t="s">
        <v>163</v>
      </c>
      <c r="G614" s="5" t="s">
        <v>1601</v>
      </c>
      <c r="H614" s="7" t="s">
        <v>1658</v>
      </c>
      <c r="I614" s="10">
        <v>4021005000186</v>
      </c>
      <c r="K614" s="12">
        <v>0</v>
      </c>
      <c r="L614" s="12">
        <v>0</v>
      </c>
    </row>
    <row r="615" spans="1:12" ht="21.75" customHeight="1" x14ac:dyDescent="0.2">
      <c r="A615" s="5">
        <v>614</v>
      </c>
      <c r="B615" s="6" t="s">
        <v>12</v>
      </c>
      <c r="C615" s="7" t="s">
        <v>13</v>
      </c>
      <c r="D615" s="7" t="s">
        <v>59</v>
      </c>
      <c r="E615" s="8" t="s">
        <v>1600</v>
      </c>
      <c r="F615" s="9">
        <v>0</v>
      </c>
      <c r="G615" s="5" t="s">
        <v>1601</v>
      </c>
      <c r="H615" s="7" t="s">
        <v>1659</v>
      </c>
      <c r="I615" s="10">
        <v>1021005000189</v>
      </c>
      <c r="K615" s="12">
        <v>0</v>
      </c>
      <c r="L615" s="12">
        <v>0</v>
      </c>
    </row>
    <row r="616" spans="1:12" ht="21.75" customHeight="1" x14ac:dyDescent="0.2">
      <c r="A616" s="5">
        <v>615</v>
      </c>
      <c r="B616" s="6" t="s">
        <v>12</v>
      </c>
      <c r="C616" s="7" t="s">
        <v>13</v>
      </c>
      <c r="D616" s="7" t="s">
        <v>69</v>
      </c>
      <c r="E616" s="8" t="s">
        <v>1638</v>
      </c>
      <c r="F616" s="9">
        <v>0</v>
      </c>
      <c r="G616" s="5" t="s">
        <v>1601</v>
      </c>
      <c r="H616" s="7" t="s">
        <v>1660</v>
      </c>
      <c r="I616" s="10">
        <v>4021005000203</v>
      </c>
      <c r="K616" s="12">
        <v>0</v>
      </c>
      <c r="L616" s="12">
        <v>0</v>
      </c>
    </row>
    <row r="617" spans="1:12" ht="21.75" customHeight="1" x14ac:dyDescent="0.2">
      <c r="A617" s="5">
        <v>616</v>
      </c>
      <c r="B617" s="6" t="s">
        <v>12</v>
      </c>
      <c r="C617" s="7" t="s">
        <v>13</v>
      </c>
      <c r="D617" s="7" t="s">
        <v>69</v>
      </c>
      <c r="E617" s="8" t="s">
        <v>1183</v>
      </c>
      <c r="F617" s="9">
        <v>0</v>
      </c>
      <c r="G617" s="5" t="s">
        <v>1601</v>
      </c>
      <c r="H617" s="7" t="s">
        <v>1661</v>
      </c>
      <c r="I617" s="10">
        <v>3021005000204</v>
      </c>
      <c r="K617" s="12">
        <v>0</v>
      </c>
      <c r="L617" s="12">
        <v>0</v>
      </c>
    </row>
    <row r="618" spans="1:12" ht="21.75" customHeight="1" x14ac:dyDescent="0.2">
      <c r="A618" s="5">
        <v>617</v>
      </c>
      <c r="B618" s="6" t="s">
        <v>12</v>
      </c>
      <c r="C618" s="7" t="s">
        <v>13</v>
      </c>
      <c r="D618" s="7" t="s">
        <v>69</v>
      </c>
      <c r="E618" s="8" t="s">
        <v>1638</v>
      </c>
      <c r="F618" s="9">
        <v>0</v>
      </c>
      <c r="G618" s="5" t="s">
        <v>1601</v>
      </c>
      <c r="H618" s="7" t="s">
        <v>1662</v>
      </c>
      <c r="I618" s="10">
        <v>2021005000205</v>
      </c>
      <c r="K618" s="12">
        <v>0</v>
      </c>
      <c r="L618" s="12">
        <v>0</v>
      </c>
    </row>
    <row r="619" spans="1:12" ht="21.75" customHeight="1" x14ac:dyDescent="0.2">
      <c r="A619" s="5">
        <v>618</v>
      </c>
      <c r="B619" s="6" t="s">
        <v>12</v>
      </c>
      <c r="C619" s="7" t="s">
        <v>13</v>
      </c>
      <c r="D619" s="7" t="s">
        <v>69</v>
      </c>
      <c r="E619" s="8" t="s">
        <v>1650</v>
      </c>
      <c r="F619" s="9">
        <v>0</v>
      </c>
      <c r="G619" s="5" t="s">
        <v>1601</v>
      </c>
      <c r="H619" s="7" t="s">
        <v>1663</v>
      </c>
      <c r="I619" s="10">
        <v>1021005000206</v>
      </c>
      <c r="K619" s="12">
        <v>0</v>
      </c>
      <c r="L619" s="12">
        <v>0</v>
      </c>
    </row>
    <row r="620" spans="1:12" ht="21.75" customHeight="1" x14ac:dyDescent="0.2">
      <c r="A620" s="5">
        <v>619</v>
      </c>
      <c r="B620" s="6" t="s">
        <v>12</v>
      </c>
      <c r="C620" s="7" t="s">
        <v>13</v>
      </c>
      <c r="D620" s="7" t="s">
        <v>69</v>
      </c>
      <c r="E620" s="8" t="s">
        <v>1600</v>
      </c>
      <c r="F620" s="9">
        <v>0</v>
      </c>
      <c r="G620" s="5" t="s">
        <v>1601</v>
      </c>
      <c r="H620" s="7" t="s">
        <v>1664</v>
      </c>
      <c r="I620" s="10">
        <v>5021005000202</v>
      </c>
      <c r="K620" s="12">
        <v>0</v>
      </c>
      <c r="L620" s="12">
        <v>0</v>
      </c>
    </row>
    <row r="621" spans="1:12" ht="21.75" customHeight="1" x14ac:dyDescent="0.2">
      <c r="A621" s="5">
        <v>620</v>
      </c>
      <c r="B621" s="6" t="s">
        <v>12</v>
      </c>
      <c r="C621" s="7" t="s">
        <v>13</v>
      </c>
      <c r="D621" s="7" t="s">
        <v>1665</v>
      </c>
      <c r="E621" s="8" t="s">
        <v>1624</v>
      </c>
      <c r="F621" s="9">
        <v>0</v>
      </c>
      <c r="G621" s="5" t="s">
        <v>1601</v>
      </c>
      <c r="H621" s="7" t="s">
        <v>1666</v>
      </c>
      <c r="I621" s="10">
        <v>8021005000216</v>
      </c>
      <c r="K621" s="12">
        <v>0</v>
      </c>
      <c r="L621" s="12">
        <v>0</v>
      </c>
    </row>
    <row r="622" spans="1:12" ht="21.75" customHeight="1" x14ac:dyDescent="0.2">
      <c r="A622" s="5">
        <v>621</v>
      </c>
      <c r="B622" s="6" t="s">
        <v>12</v>
      </c>
      <c r="C622" s="7" t="s">
        <v>13</v>
      </c>
      <c r="D622" s="7" t="s">
        <v>88</v>
      </c>
      <c r="E622" s="8" t="s">
        <v>1600</v>
      </c>
      <c r="F622" s="9">
        <v>0</v>
      </c>
      <c r="G622" s="5" t="s">
        <v>1601</v>
      </c>
      <c r="H622" s="7" t="s">
        <v>1667</v>
      </c>
      <c r="I622" s="10">
        <v>1021005000222</v>
      </c>
      <c r="K622" s="12">
        <v>0</v>
      </c>
      <c r="L622" s="12">
        <v>0</v>
      </c>
    </row>
    <row r="623" spans="1:12" ht="21.75" customHeight="1" x14ac:dyDescent="0.2">
      <c r="A623" s="5">
        <v>622</v>
      </c>
      <c r="B623" s="6" t="s">
        <v>12</v>
      </c>
      <c r="C623" s="7" t="s">
        <v>13</v>
      </c>
      <c r="D623" s="7" t="s">
        <v>1168</v>
      </c>
      <c r="E623" s="8" t="s">
        <v>1613</v>
      </c>
      <c r="F623" s="9">
        <v>0</v>
      </c>
      <c r="G623" s="5" t="s">
        <v>1601</v>
      </c>
      <c r="H623" s="7" t="s">
        <v>1668</v>
      </c>
      <c r="I623" s="10">
        <v>2021005000221</v>
      </c>
      <c r="K623" s="12">
        <v>0</v>
      </c>
      <c r="L623" s="12">
        <v>0</v>
      </c>
    </row>
    <row r="624" spans="1:12" ht="21.75" customHeight="1" x14ac:dyDescent="0.2">
      <c r="A624" s="5">
        <v>623</v>
      </c>
      <c r="B624" s="6" t="s">
        <v>12</v>
      </c>
      <c r="C624" s="7" t="s">
        <v>13</v>
      </c>
      <c r="D624" s="7" t="s">
        <v>1669</v>
      </c>
      <c r="E624" s="8" t="s">
        <v>1613</v>
      </c>
      <c r="F624" s="9">
        <v>0</v>
      </c>
      <c r="G624" s="5" t="s">
        <v>1601</v>
      </c>
      <c r="H624" s="7" t="s">
        <v>1670</v>
      </c>
      <c r="I624" s="10">
        <v>3021005000237</v>
      </c>
      <c r="K624" s="12">
        <v>0</v>
      </c>
      <c r="L624" s="12">
        <v>0</v>
      </c>
    </row>
    <row r="625" spans="1:12" ht="21.75" customHeight="1" x14ac:dyDescent="0.2">
      <c r="A625" s="5">
        <v>624</v>
      </c>
      <c r="B625" s="6" t="s">
        <v>12</v>
      </c>
      <c r="C625" s="7" t="s">
        <v>13</v>
      </c>
      <c r="D625" s="7" t="s">
        <v>1671</v>
      </c>
      <c r="E625" s="8" t="s">
        <v>1621</v>
      </c>
      <c r="F625" s="9" t="s">
        <v>163</v>
      </c>
      <c r="G625" s="5" t="s">
        <v>1601</v>
      </c>
      <c r="H625" s="7" t="s">
        <v>1672</v>
      </c>
      <c r="I625" s="10">
        <v>2021005000238</v>
      </c>
      <c r="K625" s="12">
        <v>0</v>
      </c>
      <c r="L625" s="12">
        <v>0</v>
      </c>
    </row>
    <row r="626" spans="1:12" ht="21.75" customHeight="1" x14ac:dyDescent="0.2">
      <c r="A626" s="5">
        <v>625</v>
      </c>
      <c r="B626" s="6" t="s">
        <v>12</v>
      </c>
      <c r="C626" s="7" t="s">
        <v>13</v>
      </c>
      <c r="D626" s="7" t="s">
        <v>1673</v>
      </c>
      <c r="E626" s="8" t="s">
        <v>1600</v>
      </c>
      <c r="F626" s="9">
        <v>0</v>
      </c>
      <c r="G626" s="5" t="s">
        <v>1601</v>
      </c>
      <c r="H626" s="7" t="s">
        <v>1674</v>
      </c>
      <c r="I626" s="10">
        <v>9021005000248</v>
      </c>
      <c r="K626" s="12">
        <v>0</v>
      </c>
      <c r="L626" s="12">
        <v>0</v>
      </c>
    </row>
    <row r="627" spans="1:12" ht="21.75" customHeight="1" x14ac:dyDescent="0.2">
      <c r="A627" s="5">
        <v>626</v>
      </c>
      <c r="B627" s="6" t="s">
        <v>12</v>
      </c>
      <c r="C627" s="7" t="s">
        <v>13</v>
      </c>
      <c r="D627" s="7" t="s">
        <v>1675</v>
      </c>
      <c r="E627" s="8" t="s">
        <v>1645</v>
      </c>
      <c r="F627" s="9">
        <v>0</v>
      </c>
      <c r="G627" s="5" t="s">
        <v>1601</v>
      </c>
      <c r="H627" s="7" t="s">
        <v>1676</v>
      </c>
      <c r="I627" s="10">
        <v>8021005000249</v>
      </c>
      <c r="K627" s="12">
        <v>0</v>
      </c>
      <c r="L627" s="12">
        <v>0</v>
      </c>
    </row>
    <row r="628" spans="1:12" ht="21.75" customHeight="1" x14ac:dyDescent="0.2">
      <c r="A628" s="5">
        <v>627</v>
      </c>
      <c r="B628" s="6" t="s">
        <v>12</v>
      </c>
      <c r="C628" s="7" t="s">
        <v>13</v>
      </c>
      <c r="D628" s="7" t="s">
        <v>1170</v>
      </c>
      <c r="E628" s="8" t="s">
        <v>1600</v>
      </c>
      <c r="F628" s="9">
        <v>0</v>
      </c>
      <c r="G628" s="5" t="s">
        <v>1601</v>
      </c>
      <c r="H628" s="7" t="s">
        <v>1677</v>
      </c>
      <c r="I628" s="10">
        <v>6021005000250</v>
      </c>
      <c r="K628" s="12">
        <v>0</v>
      </c>
      <c r="L628" s="12">
        <v>0</v>
      </c>
    </row>
    <row r="629" spans="1:12" ht="21.75" customHeight="1" x14ac:dyDescent="0.2">
      <c r="A629" s="5">
        <v>628</v>
      </c>
      <c r="B629" s="6" t="s">
        <v>12</v>
      </c>
      <c r="C629" s="7" t="s">
        <v>13</v>
      </c>
      <c r="D629" s="7" t="s">
        <v>1678</v>
      </c>
      <c r="E629" s="8" t="s">
        <v>1621</v>
      </c>
      <c r="F629" s="9" t="s">
        <v>163</v>
      </c>
      <c r="G629" s="5" t="s">
        <v>1601</v>
      </c>
      <c r="H629" s="7" t="s">
        <v>1679</v>
      </c>
      <c r="I629" s="10">
        <v>5021005000251</v>
      </c>
      <c r="K629" s="12">
        <v>0</v>
      </c>
      <c r="L629" s="12">
        <v>0</v>
      </c>
    </row>
    <row r="630" spans="1:12" ht="21.75" customHeight="1" x14ac:dyDescent="0.2">
      <c r="A630" s="5">
        <v>629</v>
      </c>
      <c r="B630" s="6" t="s">
        <v>12</v>
      </c>
      <c r="C630" s="7" t="s">
        <v>13</v>
      </c>
      <c r="D630" s="7" t="s">
        <v>1680</v>
      </c>
      <c r="E630" s="8" t="s">
        <v>1600</v>
      </c>
      <c r="F630" s="9">
        <v>0</v>
      </c>
      <c r="G630" s="5" t="s">
        <v>1601</v>
      </c>
      <c r="H630" s="7" t="s">
        <v>1681</v>
      </c>
      <c r="I630" s="10">
        <v>4021005000252</v>
      </c>
      <c r="K630" s="12">
        <v>0</v>
      </c>
      <c r="L630" s="12">
        <v>0</v>
      </c>
    </row>
    <row r="631" spans="1:12" ht="21.75" customHeight="1" x14ac:dyDescent="0.2">
      <c r="A631" s="5">
        <v>630</v>
      </c>
      <c r="B631" s="6" t="s">
        <v>12</v>
      </c>
      <c r="C631" s="7" t="s">
        <v>13</v>
      </c>
      <c r="D631" s="7" t="s">
        <v>100</v>
      </c>
      <c r="E631" s="8" t="s">
        <v>1600</v>
      </c>
      <c r="F631" s="9">
        <v>0</v>
      </c>
      <c r="G631" s="5" t="s">
        <v>1601</v>
      </c>
      <c r="H631" s="7" t="s">
        <v>1682</v>
      </c>
      <c r="I631" s="10">
        <v>3021005000253</v>
      </c>
      <c r="K631" s="12">
        <v>0</v>
      </c>
      <c r="L631" s="12">
        <v>0</v>
      </c>
    </row>
    <row r="632" spans="1:12" ht="21.75" customHeight="1" x14ac:dyDescent="0.2">
      <c r="A632" s="5">
        <v>631</v>
      </c>
      <c r="B632" s="6" t="s">
        <v>12</v>
      </c>
      <c r="C632" s="7" t="s">
        <v>13</v>
      </c>
      <c r="D632" s="7" t="s">
        <v>753</v>
      </c>
      <c r="E632" s="8" t="s">
        <v>1624</v>
      </c>
      <c r="F632" s="9">
        <v>0</v>
      </c>
      <c r="G632" s="5" t="s">
        <v>1601</v>
      </c>
      <c r="H632" s="7" t="s">
        <v>1683</v>
      </c>
      <c r="I632" s="10">
        <v>2021005000254</v>
      </c>
      <c r="K632" s="12">
        <v>0</v>
      </c>
      <c r="L632" s="12">
        <v>0</v>
      </c>
    </row>
    <row r="633" spans="1:12" ht="21.75" customHeight="1" x14ac:dyDescent="0.2">
      <c r="A633" s="5">
        <v>632</v>
      </c>
      <c r="B633" s="6" t="s">
        <v>12</v>
      </c>
      <c r="C633" s="7" t="s">
        <v>13</v>
      </c>
      <c r="D633" s="7" t="s">
        <v>753</v>
      </c>
      <c r="E633" s="8" t="s">
        <v>1638</v>
      </c>
      <c r="F633" s="9">
        <v>0</v>
      </c>
      <c r="G633" s="5" t="s">
        <v>1601</v>
      </c>
      <c r="H633" s="7" t="s">
        <v>1684</v>
      </c>
      <c r="I633" s="10">
        <v>9021005000256</v>
      </c>
      <c r="K633" s="12">
        <v>0</v>
      </c>
      <c r="L633" s="12">
        <v>0</v>
      </c>
    </row>
    <row r="634" spans="1:12" ht="21.75" customHeight="1" x14ac:dyDescent="0.2">
      <c r="A634" s="5">
        <v>633</v>
      </c>
      <c r="B634" s="6" t="s">
        <v>12</v>
      </c>
      <c r="C634" s="7" t="s">
        <v>13</v>
      </c>
      <c r="D634" s="7" t="s">
        <v>753</v>
      </c>
      <c r="E634" s="8" t="s">
        <v>1600</v>
      </c>
      <c r="F634" s="9">
        <v>0</v>
      </c>
      <c r="G634" s="5" t="s">
        <v>1601</v>
      </c>
      <c r="H634" s="7" t="s">
        <v>1685</v>
      </c>
      <c r="I634" s="10">
        <v>1021005000255</v>
      </c>
      <c r="K634" s="12">
        <v>0</v>
      </c>
      <c r="L634" s="12">
        <v>0</v>
      </c>
    </row>
    <row r="635" spans="1:12" ht="21.75" customHeight="1" x14ac:dyDescent="0.2">
      <c r="A635" s="5">
        <v>634</v>
      </c>
      <c r="B635" s="6" t="s">
        <v>12</v>
      </c>
      <c r="C635" s="7" t="s">
        <v>13</v>
      </c>
      <c r="D635" s="7" t="s">
        <v>1686</v>
      </c>
      <c r="E635" s="8" t="s">
        <v>1650</v>
      </c>
      <c r="F635" s="9">
        <v>0</v>
      </c>
      <c r="G635" s="5" t="s">
        <v>1601</v>
      </c>
      <c r="H635" s="7" t="s">
        <v>1687</v>
      </c>
      <c r="I635" s="10">
        <v>8021005000257</v>
      </c>
      <c r="K635" s="12">
        <v>0</v>
      </c>
      <c r="L635" s="12">
        <v>0</v>
      </c>
    </row>
    <row r="636" spans="1:12" ht="21.75" customHeight="1" x14ac:dyDescent="0.2">
      <c r="A636" s="5">
        <v>635</v>
      </c>
      <c r="B636" s="6" t="s">
        <v>12</v>
      </c>
      <c r="C636" s="7" t="s">
        <v>13</v>
      </c>
      <c r="D636" s="7" t="s">
        <v>1688</v>
      </c>
      <c r="E636" s="8" t="s">
        <v>1621</v>
      </c>
      <c r="F636" s="9" t="s">
        <v>163</v>
      </c>
      <c r="G636" s="5" t="s">
        <v>1601</v>
      </c>
      <c r="H636" s="7" t="s">
        <v>1689</v>
      </c>
      <c r="I636" s="10">
        <v>4021005000277</v>
      </c>
      <c r="K636" s="12">
        <v>0</v>
      </c>
      <c r="L636" s="12">
        <v>0</v>
      </c>
    </row>
    <row r="637" spans="1:12" ht="21.75" customHeight="1" x14ac:dyDescent="0.2">
      <c r="A637" s="5">
        <v>636</v>
      </c>
      <c r="B637" s="6" t="s">
        <v>12</v>
      </c>
      <c r="C637" s="7" t="s">
        <v>13</v>
      </c>
      <c r="D637" s="7" t="s">
        <v>1688</v>
      </c>
      <c r="E637" s="8" t="s">
        <v>1645</v>
      </c>
      <c r="F637" s="9">
        <v>0</v>
      </c>
      <c r="G637" s="5" t="s">
        <v>1601</v>
      </c>
      <c r="H637" s="7" t="s">
        <v>1690</v>
      </c>
      <c r="I637" s="10">
        <v>8021005000273</v>
      </c>
      <c r="K637" s="12">
        <v>0</v>
      </c>
      <c r="L637" s="12">
        <v>0</v>
      </c>
    </row>
    <row r="638" spans="1:12" ht="21.75" customHeight="1" x14ac:dyDescent="0.2">
      <c r="A638" s="5">
        <v>637</v>
      </c>
      <c r="B638" s="6" t="s">
        <v>12</v>
      </c>
      <c r="C638" s="7" t="s">
        <v>13</v>
      </c>
      <c r="D638" s="7" t="s">
        <v>769</v>
      </c>
      <c r="E638" s="8" t="s">
        <v>1600</v>
      </c>
      <c r="F638" s="9">
        <v>0</v>
      </c>
      <c r="G638" s="5" t="s">
        <v>1601</v>
      </c>
      <c r="H638" s="7" t="s">
        <v>1691</v>
      </c>
      <c r="I638" s="10">
        <v>5021005000284</v>
      </c>
      <c r="K638" s="12">
        <v>0</v>
      </c>
      <c r="L638" s="12">
        <v>0</v>
      </c>
    </row>
    <row r="639" spans="1:12" ht="21.75" customHeight="1" x14ac:dyDescent="0.2">
      <c r="A639" s="5">
        <v>638</v>
      </c>
      <c r="B639" s="6" t="s">
        <v>12</v>
      </c>
      <c r="C639" s="7" t="s">
        <v>13</v>
      </c>
      <c r="D639" s="7" t="s">
        <v>1692</v>
      </c>
      <c r="E639" s="8" t="s">
        <v>1600</v>
      </c>
      <c r="F639" s="9">
        <v>0</v>
      </c>
      <c r="G639" s="5" t="s">
        <v>1601</v>
      </c>
      <c r="H639" s="7" t="s">
        <v>1693</v>
      </c>
      <c r="I639" s="10">
        <v>6021005000283</v>
      </c>
      <c r="K639" s="12">
        <v>0</v>
      </c>
      <c r="L639" s="12">
        <v>0</v>
      </c>
    </row>
    <row r="640" spans="1:12" ht="21.75" customHeight="1" x14ac:dyDescent="0.2">
      <c r="A640" s="5">
        <v>639</v>
      </c>
      <c r="B640" s="6" t="s">
        <v>12</v>
      </c>
      <c r="C640" s="7" t="s">
        <v>1185</v>
      </c>
      <c r="D640" s="7" t="s">
        <v>1694</v>
      </c>
      <c r="E640" s="8" t="s">
        <v>1695</v>
      </c>
      <c r="F640" s="9">
        <v>0</v>
      </c>
      <c r="G640" s="5" t="s">
        <v>1601</v>
      </c>
      <c r="H640" s="7" t="s">
        <v>1696</v>
      </c>
      <c r="I640" s="10">
        <v>2021005000171</v>
      </c>
      <c r="K640" s="12">
        <v>0</v>
      </c>
      <c r="L640" s="12">
        <v>0</v>
      </c>
    </row>
    <row r="641" spans="1:12" ht="21.75" customHeight="1" x14ac:dyDescent="0.2">
      <c r="A641" s="5">
        <v>640</v>
      </c>
      <c r="B641" s="6" t="s">
        <v>12</v>
      </c>
      <c r="C641" s="7" t="s">
        <v>137</v>
      </c>
      <c r="D641" s="7" t="s">
        <v>1697</v>
      </c>
      <c r="E641" s="8" t="s">
        <v>1698</v>
      </c>
      <c r="F641" s="9">
        <v>0</v>
      </c>
      <c r="G641" s="5" t="s">
        <v>1601</v>
      </c>
      <c r="H641" s="7" t="s">
        <v>1699</v>
      </c>
      <c r="I641" s="10">
        <v>1021005000271</v>
      </c>
      <c r="K641" s="12">
        <v>0</v>
      </c>
      <c r="L641" s="12">
        <v>0</v>
      </c>
    </row>
    <row r="642" spans="1:12" ht="21.75" customHeight="1" x14ac:dyDescent="0.2">
      <c r="A642" s="5">
        <v>641</v>
      </c>
      <c r="B642" s="6" t="s">
        <v>12</v>
      </c>
      <c r="C642" s="7" t="s">
        <v>148</v>
      </c>
      <c r="D642" s="7" t="s">
        <v>1700</v>
      </c>
      <c r="E642" s="8" t="s">
        <v>1701</v>
      </c>
      <c r="F642" s="9">
        <v>0</v>
      </c>
      <c r="G642" s="5" t="s">
        <v>1601</v>
      </c>
      <c r="H642" s="7" t="s">
        <v>1702</v>
      </c>
      <c r="I642" s="10">
        <v>3021005000170</v>
      </c>
      <c r="K642" s="12">
        <v>0</v>
      </c>
      <c r="L642" s="12">
        <v>0</v>
      </c>
    </row>
    <row r="643" spans="1:12" ht="21.75" customHeight="1" x14ac:dyDescent="0.2">
      <c r="A643" s="5">
        <v>642</v>
      </c>
      <c r="B643" s="6" t="s">
        <v>12</v>
      </c>
      <c r="C643" s="7" t="s">
        <v>1703</v>
      </c>
      <c r="D643" s="7" t="s">
        <v>1704</v>
      </c>
      <c r="E643" s="8" t="s">
        <v>1705</v>
      </c>
      <c r="F643" s="9">
        <v>0</v>
      </c>
      <c r="G643" s="5" t="s">
        <v>1601</v>
      </c>
      <c r="H643" s="7" t="s">
        <v>1706</v>
      </c>
      <c r="I643" s="10">
        <v>9021005000198</v>
      </c>
      <c r="K643" s="12">
        <v>0</v>
      </c>
      <c r="L643" s="12">
        <v>0</v>
      </c>
    </row>
    <row r="644" spans="1:12" ht="21.75" customHeight="1" x14ac:dyDescent="0.2">
      <c r="A644" s="5">
        <v>643</v>
      </c>
      <c r="B644" s="6" t="s">
        <v>152</v>
      </c>
      <c r="C644" s="7" t="s">
        <v>153</v>
      </c>
      <c r="D644" s="7" t="s">
        <v>1707</v>
      </c>
      <c r="E644" s="8" t="s">
        <v>1708</v>
      </c>
      <c r="F644" s="9">
        <v>0</v>
      </c>
      <c r="G644" s="5" t="s">
        <v>1601</v>
      </c>
      <c r="H644" s="7" t="s">
        <v>1709</v>
      </c>
      <c r="I644" s="10">
        <v>9021005000165</v>
      </c>
      <c r="K644" s="12">
        <v>0</v>
      </c>
      <c r="L644" s="12">
        <v>0</v>
      </c>
    </row>
    <row r="645" spans="1:12" ht="21.75" customHeight="1" x14ac:dyDescent="0.2">
      <c r="A645" s="5">
        <v>644</v>
      </c>
      <c r="B645" s="6" t="s">
        <v>152</v>
      </c>
      <c r="C645" s="7" t="s">
        <v>153</v>
      </c>
      <c r="D645" s="7" t="s">
        <v>1710</v>
      </c>
      <c r="E645" s="8" t="s">
        <v>1711</v>
      </c>
      <c r="F645" s="9">
        <v>0</v>
      </c>
      <c r="G645" s="5" t="s">
        <v>1601</v>
      </c>
      <c r="H645" s="7" t="s">
        <v>1712</v>
      </c>
      <c r="I645" s="10">
        <v>2021005000163</v>
      </c>
      <c r="K645" s="12">
        <v>0</v>
      </c>
      <c r="L645" s="12">
        <v>0</v>
      </c>
    </row>
    <row r="646" spans="1:12" ht="21.75" customHeight="1" x14ac:dyDescent="0.2">
      <c r="A646" s="5">
        <v>645</v>
      </c>
      <c r="B646" s="6" t="s">
        <v>152</v>
      </c>
      <c r="C646" s="7" t="s">
        <v>153</v>
      </c>
      <c r="D646" s="7" t="s">
        <v>1713</v>
      </c>
      <c r="E646" s="8" t="s">
        <v>1714</v>
      </c>
      <c r="F646" s="9">
        <v>0</v>
      </c>
      <c r="G646" s="5" t="s">
        <v>1601</v>
      </c>
      <c r="H646" s="7" t="s">
        <v>1715</v>
      </c>
      <c r="I646" s="10">
        <v>9021005000215</v>
      </c>
      <c r="K646" s="12">
        <v>0</v>
      </c>
      <c r="L646" s="12">
        <v>0</v>
      </c>
    </row>
    <row r="647" spans="1:12" ht="21.75" customHeight="1" x14ac:dyDescent="0.2">
      <c r="A647" s="5">
        <v>646</v>
      </c>
      <c r="B647" s="6" t="s">
        <v>152</v>
      </c>
      <c r="C647" s="7" t="s">
        <v>153</v>
      </c>
      <c r="D647" s="7" t="s">
        <v>1236</v>
      </c>
      <c r="E647" s="8" t="s">
        <v>1716</v>
      </c>
      <c r="F647" s="9">
        <v>0</v>
      </c>
      <c r="G647" s="5" t="s">
        <v>1601</v>
      </c>
      <c r="H647" s="7" t="s">
        <v>1717</v>
      </c>
      <c r="I647" s="10">
        <v>3021005000212</v>
      </c>
      <c r="K647" s="12">
        <v>0</v>
      </c>
      <c r="L647" s="12">
        <v>0</v>
      </c>
    </row>
    <row r="648" spans="1:12" ht="21.75" customHeight="1" x14ac:dyDescent="0.2">
      <c r="A648" s="5">
        <v>647</v>
      </c>
      <c r="B648" s="6" t="s">
        <v>152</v>
      </c>
      <c r="C648" s="7" t="s">
        <v>153</v>
      </c>
      <c r="D648" s="7" t="s">
        <v>1718</v>
      </c>
      <c r="E648" s="8" t="s">
        <v>1719</v>
      </c>
      <c r="F648" s="9">
        <v>0</v>
      </c>
      <c r="G648" s="5" t="s">
        <v>1601</v>
      </c>
      <c r="H648" s="7" t="s">
        <v>1720</v>
      </c>
      <c r="I648" s="10">
        <v>8021005000190</v>
      </c>
      <c r="K648" s="12">
        <v>0</v>
      </c>
      <c r="L648" s="12">
        <v>0</v>
      </c>
    </row>
    <row r="649" spans="1:12" ht="21.75" customHeight="1" x14ac:dyDescent="0.2">
      <c r="A649" s="5">
        <v>648</v>
      </c>
      <c r="B649" s="6" t="s">
        <v>152</v>
      </c>
      <c r="C649" s="7" t="s">
        <v>153</v>
      </c>
      <c r="D649" s="7" t="s">
        <v>1721</v>
      </c>
      <c r="E649" s="8" t="s">
        <v>1722</v>
      </c>
      <c r="F649" s="9">
        <v>0</v>
      </c>
      <c r="G649" s="5" t="s">
        <v>1601</v>
      </c>
      <c r="H649" s="7" t="s">
        <v>1723</v>
      </c>
      <c r="I649" s="10">
        <v>2021005000213</v>
      </c>
      <c r="K649" s="12">
        <v>0</v>
      </c>
      <c r="L649" s="12">
        <v>0</v>
      </c>
    </row>
    <row r="650" spans="1:12" ht="21.75" customHeight="1" x14ac:dyDescent="0.2">
      <c r="A650" s="5">
        <v>649</v>
      </c>
      <c r="B650" s="6" t="s">
        <v>152</v>
      </c>
      <c r="C650" s="7" t="s">
        <v>153</v>
      </c>
      <c r="D650" s="7" t="s">
        <v>1724</v>
      </c>
      <c r="E650" s="8" t="s">
        <v>1725</v>
      </c>
      <c r="F650" s="9">
        <v>0</v>
      </c>
      <c r="G650" s="5" t="s">
        <v>1601</v>
      </c>
      <c r="H650" s="7" t="s">
        <v>1726</v>
      </c>
      <c r="I650" s="10">
        <v>7021005000258</v>
      </c>
      <c r="K650" s="12">
        <v>0</v>
      </c>
      <c r="L650" s="12">
        <v>0</v>
      </c>
    </row>
    <row r="651" spans="1:12" ht="21.75" customHeight="1" x14ac:dyDescent="0.2">
      <c r="A651" s="5">
        <v>650</v>
      </c>
      <c r="B651" s="6" t="s">
        <v>152</v>
      </c>
      <c r="C651" s="7" t="s">
        <v>153</v>
      </c>
      <c r="D651" s="7" t="s">
        <v>1727</v>
      </c>
      <c r="E651" s="8" t="s">
        <v>1728</v>
      </c>
      <c r="F651" s="9">
        <v>0</v>
      </c>
      <c r="G651" s="5" t="s">
        <v>1601</v>
      </c>
      <c r="H651" s="7" t="s">
        <v>1729</v>
      </c>
      <c r="I651" s="10">
        <v>2021005000270</v>
      </c>
      <c r="K651" s="12">
        <v>0</v>
      </c>
      <c r="L651" s="12">
        <v>0</v>
      </c>
    </row>
    <row r="652" spans="1:12" ht="21.75" customHeight="1" x14ac:dyDescent="0.2">
      <c r="A652" s="5">
        <v>651</v>
      </c>
      <c r="B652" s="6" t="s">
        <v>152</v>
      </c>
      <c r="C652" s="7" t="s">
        <v>153</v>
      </c>
      <c r="D652" s="7" t="s">
        <v>1730</v>
      </c>
      <c r="E652" s="8" t="s">
        <v>1731</v>
      </c>
      <c r="F652" s="9">
        <v>0</v>
      </c>
      <c r="G652" s="5" t="s">
        <v>1601</v>
      </c>
      <c r="H652" s="7" t="s">
        <v>1732</v>
      </c>
      <c r="I652" s="10">
        <v>4021005000269</v>
      </c>
      <c r="K652" s="12">
        <v>0</v>
      </c>
      <c r="L652" s="12">
        <v>0</v>
      </c>
    </row>
    <row r="653" spans="1:12" ht="21.75" customHeight="1" x14ac:dyDescent="0.2">
      <c r="A653" s="5">
        <v>652</v>
      </c>
      <c r="B653" s="6" t="s">
        <v>152</v>
      </c>
      <c r="C653" s="7" t="s">
        <v>153</v>
      </c>
      <c r="D653" s="7" t="s">
        <v>1733</v>
      </c>
      <c r="E653" s="8" t="s">
        <v>1734</v>
      </c>
      <c r="F653" s="9">
        <v>0</v>
      </c>
      <c r="G653" s="5" t="s">
        <v>1601</v>
      </c>
      <c r="H653" s="7" t="s">
        <v>1735</v>
      </c>
      <c r="I653" s="10">
        <v>9021005000289</v>
      </c>
      <c r="K653" s="12">
        <v>0</v>
      </c>
      <c r="L653" s="12">
        <v>0</v>
      </c>
    </row>
    <row r="654" spans="1:12" ht="21.75" customHeight="1" x14ac:dyDescent="0.2">
      <c r="A654" s="5">
        <v>653</v>
      </c>
      <c r="B654" s="6" t="s">
        <v>152</v>
      </c>
      <c r="C654" s="7" t="s">
        <v>160</v>
      </c>
      <c r="D654" s="7" t="s">
        <v>1736</v>
      </c>
      <c r="E654" s="8" t="s">
        <v>1737</v>
      </c>
      <c r="F654" s="9">
        <v>0</v>
      </c>
      <c r="G654" s="5" t="s">
        <v>1601</v>
      </c>
      <c r="H654" s="7" t="s">
        <v>1738</v>
      </c>
      <c r="I654" s="10">
        <v>7021005000274</v>
      </c>
      <c r="J654" s="11" t="s">
        <v>2931</v>
      </c>
      <c r="K654" s="12" t="s">
        <v>1739</v>
      </c>
      <c r="L654" s="12">
        <v>0</v>
      </c>
    </row>
    <row r="655" spans="1:12" ht="21.75" customHeight="1" x14ac:dyDescent="0.2">
      <c r="A655" s="5">
        <v>654</v>
      </c>
      <c r="B655" s="6" t="s">
        <v>152</v>
      </c>
      <c r="C655" s="7" t="s">
        <v>172</v>
      </c>
      <c r="D655" s="7" t="s">
        <v>1740</v>
      </c>
      <c r="E655" s="8" t="s">
        <v>1741</v>
      </c>
      <c r="F655" s="9">
        <v>0</v>
      </c>
      <c r="G655" s="5" t="s">
        <v>1601</v>
      </c>
      <c r="H655" s="7" t="s">
        <v>1742</v>
      </c>
      <c r="I655" s="10">
        <v>7021005000183</v>
      </c>
      <c r="K655" s="12">
        <v>0</v>
      </c>
      <c r="L655" s="12">
        <v>0</v>
      </c>
    </row>
    <row r="656" spans="1:12" ht="21.75" customHeight="1" x14ac:dyDescent="0.2">
      <c r="A656" s="5">
        <v>655</v>
      </c>
      <c r="B656" s="6" t="s">
        <v>152</v>
      </c>
      <c r="C656" s="7" t="s">
        <v>172</v>
      </c>
      <c r="D656" s="7" t="s">
        <v>290</v>
      </c>
      <c r="E656" s="8" t="s">
        <v>1743</v>
      </c>
      <c r="F656" s="9">
        <v>0</v>
      </c>
      <c r="G656" s="5" t="s">
        <v>1601</v>
      </c>
      <c r="H656" s="7" t="s">
        <v>1744</v>
      </c>
      <c r="I656" s="10">
        <v>8021005000182</v>
      </c>
      <c r="K656" s="12">
        <v>0</v>
      </c>
      <c r="L656" s="12">
        <v>0</v>
      </c>
    </row>
    <row r="657" spans="1:12" ht="21.75" customHeight="1" x14ac:dyDescent="0.2">
      <c r="A657" s="5">
        <v>656</v>
      </c>
      <c r="B657" s="6" t="s">
        <v>152</v>
      </c>
      <c r="C657" s="7" t="s">
        <v>172</v>
      </c>
      <c r="D657" s="7" t="s">
        <v>1745</v>
      </c>
      <c r="E657" s="8" t="s">
        <v>1746</v>
      </c>
      <c r="F657" s="9">
        <v>0</v>
      </c>
      <c r="G657" s="5" t="s">
        <v>1601</v>
      </c>
      <c r="H657" s="7" t="s">
        <v>1747</v>
      </c>
      <c r="I657" s="10">
        <v>4021005000194</v>
      </c>
      <c r="K657" s="12">
        <v>0</v>
      </c>
      <c r="L657" s="12">
        <v>0</v>
      </c>
    </row>
    <row r="658" spans="1:12" ht="21.75" customHeight="1" x14ac:dyDescent="0.2">
      <c r="A658" s="5">
        <v>657</v>
      </c>
      <c r="B658" s="6" t="s">
        <v>152</v>
      </c>
      <c r="C658" s="7" t="s">
        <v>172</v>
      </c>
      <c r="D658" s="7" t="s">
        <v>1748</v>
      </c>
      <c r="E658" s="8" t="s">
        <v>1749</v>
      </c>
      <c r="F658" s="9">
        <v>0</v>
      </c>
      <c r="G658" s="5" t="s">
        <v>1601</v>
      </c>
      <c r="H658" s="7" t="s">
        <v>1750</v>
      </c>
      <c r="I658" s="10">
        <v>9021005000181</v>
      </c>
      <c r="K658" s="12">
        <v>0</v>
      </c>
      <c r="L658" s="12">
        <v>0</v>
      </c>
    </row>
    <row r="659" spans="1:12" ht="21.75" customHeight="1" x14ac:dyDescent="0.2">
      <c r="A659" s="5">
        <v>658</v>
      </c>
      <c r="B659" s="6" t="s">
        <v>152</v>
      </c>
      <c r="C659" s="7" t="s">
        <v>172</v>
      </c>
      <c r="D659" s="7" t="s">
        <v>1751</v>
      </c>
      <c r="E659" s="8" t="s">
        <v>1752</v>
      </c>
      <c r="F659" s="9">
        <v>0</v>
      </c>
      <c r="G659" s="5" t="s">
        <v>1601</v>
      </c>
      <c r="H659" s="7" t="s">
        <v>1753</v>
      </c>
      <c r="I659" s="10">
        <v>7021005000209</v>
      </c>
      <c r="K659" s="12">
        <v>0</v>
      </c>
      <c r="L659" s="12">
        <v>0</v>
      </c>
    </row>
    <row r="660" spans="1:12" ht="21.75" customHeight="1" x14ac:dyDescent="0.2">
      <c r="A660" s="5">
        <v>659</v>
      </c>
      <c r="B660" s="6" t="s">
        <v>152</v>
      </c>
      <c r="C660" s="7" t="s">
        <v>172</v>
      </c>
      <c r="D660" s="7" t="s">
        <v>1754</v>
      </c>
      <c r="E660" s="8" t="s">
        <v>1755</v>
      </c>
      <c r="F660" s="9">
        <v>0</v>
      </c>
      <c r="G660" s="5" t="s">
        <v>1601</v>
      </c>
      <c r="H660" s="7" t="s">
        <v>1756</v>
      </c>
      <c r="I660" s="10">
        <v>5021005000210</v>
      </c>
      <c r="K660" s="12">
        <v>0</v>
      </c>
      <c r="L660" s="12">
        <v>0</v>
      </c>
    </row>
    <row r="661" spans="1:12" ht="21.75" customHeight="1" x14ac:dyDescent="0.2">
      <c r="A661" s="5">
        <v>660</v>
      </c>
      <c r="B661" s="6" t="s">
        <v>152</v>
      </c>
      <c r="C661" s="7" t="s">
        <v>172</v>
      </c>
      <c r="D661" s="7" t="s">
        <v>1757</v>
      </c>
      <c r="E661" s="8" t="s">
        <v>1758</v>
      </c>
      <c r="F661" s="9">
        <v>0</v>
      </c>
      <c r="G661" s="5" t="s">
        <v>1601</v>
      </c>
      <c r="H661" s="7" t="s">
        <v>1759</v>
      </c>
      <c r="I661" s="10">
        <v>7021005000217</v>
      </c>
      <c r="K661" s="12">
        <v>0</v>
      </c>
      <c r="L661" s="12">
        <v>0</v>
      </c>
    </row>
    <row r="662" spans="1:12" ht="21.75" customHeight="1" x14ac:dyDescent="0.2">
      <c r="A662" s="5">
        <v>661</v>
      </c>
      <c r="B662" s="6" t="s">
        <v>152</v>
      </c>
      <c r="C662" s="7" t="s">
        <v>172</v>
      </c>
      <c r="D662" s="7" t="s">
        <v>1760</v>
      </c>
      <c r="E662" s="8" t="s">
        <v>1761</v>
      </c>
      <c r="F662" s="9">
        <v>0</v>
      </c>
      <c r="G662" s="5" t="s">
        <v>1601</v>
      </c>
      <c r="H662" s="7" t="s">
        <v>1762</v>
      </c>
      <c r="I662" s="10">
        <v>7021005000233</v>
      </c>
      <c r="K662" s="12">
        <v>0</v>
      </c>
      <c r="L662" s="12">
        <v>0</v>
      </c>
    </row>
    <row r="663" spans="1:12" ht="21.75" customHeight="1" x14ac:dyDescent="0.2">
      <c r="A663" s="5">
        <v>662</v>
      </c>
      <c r="B663" s="6" t="s">
        <v>152</v>
      </c>
      <c r="C663" s="7" t="s">
        <v>172</v>
      </c>
      <c r="D663" s="7" t="s">
        <v>1763</v>
      </c>
      <c r="E663" s="8" t="s">
        <v>1764</v>
      </c>
      <c r="F663" s="9">
        <v>0</v>
      </c>
      <c r="G663" s="5" t="s">
        <v>1601</v>
      </c>
      <c r="H663" s="7" t="s">
        <v>1765</v>
      </c>
      <c r="I663" s="10">
        <v>8021005000240</v>
      </c>
      <c r="K663" s="12">
        <v>0</v>
      </c>
      <c r="L663" s="12">
        <v>0</v>
      </c>
    </row>
    <row r="664" spans="1:12" ht="21.75" customHeight="1" x14ac:dyDescent="0.2">
      <c r="A664" s="5">
        <v>663</v>
      </c>
      <c r="B664" s="6" t="s">
        <v>152</v>
      </c>
      <c r="C664" s="7" t="s">
        <v>172</v>
      </c>
      <c r="D664" s="7" t="s">
        <v>1766</v>
      </c>
      <c r="E664" s="8" t="s">
        <v>1767</v>
      </c>
      <c r="F664" s="9">
        <v>0</v>
      </c>
      <c r="G664" s="5" t="s">
        <v>1601</v>
      </c>
      <c r="H664" s="7" t="s">
        <v>1768</v>
      </c>
      <c r="I664" s="10">
        <v>1021005000263</v>
      </c>
      <c r="K664" s="12">
        <v>0</v>
      </c>
      <c r="L664" s="12">
        <v>0</v>
      </c>
    </row>
    <row r="665" spans="1:12" ht="21.75" customHeight="1" x14ac:dyDescent="0.2">
      <c r="A665" s="5">
        <v>664</v>
      </c>
      <c r="B665" s="6" t="s">
        <v>152</v>
      </c>
      <c r="C665" s="7" t="s">
        <v>172</v>
      </c>
      <c r="D665" s="7" t="s">
        <v>468</v>
      </c>
      <c r="E665" s="8" t="s">
        <v>1767</v>
      </c>
      <c r="F665" s="9">
        <v>0</v>
      </c>
      <c r="G665" s="5" t="s">
        <v>1601</v>
      </c>
      <c r="H665" s="7" t="s">
        <v>1769</v>
      </c>
      <c r="I665" s="10">
        <v>2021005000262</v>
      </c>
      <c r="K665" s="12">
        <v>0</v>
      </c>
      <c r="L665" s="12">
        <v>0</v>
      </c>
    </row>
    <row r="666" spans="1:12" ht="21.75" customHeight="1" x14ac:dyDescent="0.2">
      <c r="A666" s="5">
        <v>665</v>
      </c>
      <c r="B666" s="6" t="s">
        <v>152</v>
      </c>
      <c r="C666" s="7" t="s">
        <v>172</v>
      </c>
      <c r="D666" s="7" t="s">
        <v>1770</v>
      </c>
      <c r="E666" s="8" t="s">
        <v>1771</v>
      </c>
      <c r="F666" s="9">
        <v>0</v>
      </c>
      <c r="G666" s="5" t="s">
        <v>1601</v>
      </c>
      <c r="H666" s="7" t="s">
        <v>1772</v>
      </c>
      <c r="I666" s="10">
        <v>6021005000259</v>
      </c>
      <c r="K666" s="12">
        <v>0</v>
      </c>
      <c r="L666" s="12">
        <v>0</v>
      </c>
    </row>
    <row r="667" spans="1:12" ht="21.75" customHeight="1" x14ac:dyDescent="0.2">
      <c r="A667" s="5">
        <v>666</v>
      </c>
      <c r="B667" s="6" t="s">
        <v>152</v>
      </c>
      <c r="C667" s="7" t="s">
        <v>172</v>
      </c>
      <c r="D667" s="7" t="s">
        <v>1773</v>
      </c>
      <c r="E667" s="8" t="s">
        <v>1774</v>
      </c>
      <c r="F667" s="9">
        <v>0</v>
      </c>
      <c r="G667" s="5" t="s">
        <v>1601</v>
      </c>
      <c r="H667" s="7" t="s">
        <v>1775</v>
      </c>
      <c r="I667" s="10">
        <v>4021005000260</v>
      </c>
      <c r="K667" s="12">
        <v>0</v>
      </c>
      <c r="L667" s="12">
        <v>0</v>
      </c>
    </row>
    <row r="668" spans="1:12" ht="21.75" customHeight="1" x14ac:dyDescent="0.2">
      <c r="A668" s="5">
        <v>667</v>
      </c>
      <c r="B668" s="6" t="s">
        <v>152</v>
      </c>
      <c r="C668" s="7" t="s">
        <v>277</v>
      </c>
      <c r="D668" s="7" t="s">
        <v>1776</v>
      </c>
      <c r="E668" s="8" t="s">
        <v>1777</v>
      </c>
      <c r="F668" s="9">
        <v>0</v>
      </c>
      <c r="G668" s="5" t="s">
        <v>1601</v>
      </c>
      <c r="H668" s="7" t="s">
        <v>1778</v>
      </c>
      <c r="I668" s="10">
        <v>2021005000155</v>
      </c>
      <c r="K668" s="12">
        <v>0</v>
      </c>
      <c r="L668" s="12">
        <v>0</v>
      </c>
    </row>
    <row r="669" spans="1:12" ht="21.75" customHeight="1" x14ac:dyDescent="0.2">
      <c r="A669" s="5">
        <v>668</v>
      </c>
      <c r="B669" s="6" t="s">
        <v>152</v>
      </c>
      <c r="C669" s="7" t="s">
        <v>277</v>
      </c>
      <c r="D669" s="7" t="s">
        <v>1779</v>
      </c>
      <c r="E669" s="8" t="s">
        <v>1780</v>
      </c>
      <c r="F669" s="9">
        <v>0</v>
      </c>
      <c r="G669" s="5" t="s">
        <v>1601</v>
      </c>
      <c r="H669" s="7" t="s">
        <v>1781</v>
      </c>
      <c r="I669" s="10">
        <v>4021005001242</v>
      </c>
      <c r="K669" s="12">
        <v>0</v>
      </c>
      <c r="L669" s="12">
        <v>0</v>
      </c>
    </row>
    <row r="670" spans="1:12" ht="21.75" customHeight="1" x14ac:dyDescent="0.2">
      <c r="A670" s="5">
        <v>669</v>
      </c>
      <c r="B670" s="6" t="s">
        <v>152</v>
      </c>
      <c r="C670" s="7" t="s">
        <v>315</v>
      </c>
      <c r="D670" s="7" t="s">
        <v>1782</v>
      </c>
      <c r="E670" s="8" t="s">
        <v>1783</v>
      </c>
      <c r="F670" s="9">
        <v>0</v>
      </c>
      <c r="G670" s="5" t="s">
        <v>1601</v>
      </c>
      <c r="H670" s="7" t="s">
        <v>1784</v>
      </c>
      <c r="I670" s="10">
        <v>9021005000272</v>
      </c>
      <c r="K670" s="12">
        <v>0</v>
      </c>
      <c r="L670" s="12">
        <v>0</v>
      </c>
    </row>
    <row r="671" spans="1:12" ht="21.75" customHeight="1" x14ac:dyDescent="0.2">
      <c r="A671" s="5">
        <v>670</v>
      </c>
      <c r="B671" s="6" t="s">
        <v>152</v>
      </c>
      <c r="C671" s="7" t="s">
        <v>1785</v>
      </c>
      <c r="D671" s="7" t="s">
        <v>1786</v>
      </c>
      <c r="E671" s="8" t="s">
        <v>1787</v>
      </c>
      <c r="F671" s="9">
        <v>0</v>
      </c>
      <c r="G671" s="5" t="s">
        <v>1601</v>
      </c>
      <c r="H671" s="7" t="s">
        <v>1788</v>
      </c>
      <c r="I671" s="10">
        <v>6021005000168</v>
      </c>
      <c r="K671" s="12">
        <v>0</v>
      </c>
      <c r="L671" s="12">
        <v>0</v>
      </c>
    </row>
    <row r="672" spans="1:12" ht="21.75" customHeight="1" x14ac:dyDescent="0.2">
      <c r="A672" s="5">
        <v>671</v>
      </c>
      <c r="B672" s="6" t="s">
        <v>152</v>
      </c>
      <c r="C672" s="7" t="s">
        <v>337</v>
      </c>
      <c r="D672" s="7" t="s">
        <v>1789</v>
      </c>
      <c r="E672" s="8" t="s">
        <v>1297</v>
      </c>
      <c r="F672" s="9">
        <v>0</v>
      </c>
      <c r="G672" s="5" t="s">
        <v>1601</v>
      </c>
      <c r="H672" s="7" t="s">
        <v>1790</v>
      </c>
      <c r="I672" s="10">
        <v>8021005000208</v>
      </c>
      <c r="K672" s="12">
        <v>0</v>
      </c>
      <c r="L672" s="12">
        <v>0</v>
      </c>
    </row>
    <row r="673" spans="1:12" ht="21.75" customHeight="1" x14ac:dyDescent="0.2">
      <c r="A673" s="5">
        <v>672</v>
      </c>
      <c r="B673" s="6" t="s">
        <v>152</v>
      </c>
      <c r="C673" s="7" t="s">
        <v>337</v>
      </c>
      <c r="D673" s="7" t="s">
        <v>1791</v>
      </c>
      <c r="E673" s="8" t="s">
        <v>1792</v>
      </c>
      <c r="F673" s="9">
        <v>0</v>
      </c>
      <c r="G673" s="5" t="s">
        <v>1601</v>
      </c>
      <c r="H673" s="7" t="s">
        <v>1793</v>
      </c>
      <c r="I673" s="10">
        <v>3021005000179</v>
      </c>
      <c r="K673" s="12">
        <v>0</v>
      </c>
      <c r="L673" s="12">
        <v>0</v>
      </c>
    </row>
    <row r="674" spans="1:12" ht="21.75" customHeight="1" x14ac:dyDescent="0.2">
      <c r="A674" s="5">
        <v>673</v>
      </c>
      <c r="B674" s="6" t="s">
        <v>152</v>
      </c>
      <c r="C674" s="7" t="s">
        <v>337</v>
      </c>
      <c r="D674" s="7" t="s">
        <v>1794</v>
      </c>
      <c r="E674" s="8" t="s">
        <v>1795</v>
      </c>
      <c r="F674" s="9">
        <v>0</v>
      </c>
      <c r="G674" s="5" t="s">
        <v>1601</v>
      </c>
      <c r="H674" s="7" t="s">
        <v>1796</v>
      </c>
      <c r="I674" s="10">
        <v>6021005000192</v>
      </c>
      <c r="J674" s="11" t="s">
        <v>2931</v>
      </c>
      <c r="K674" s="12" t="s">
        <v>1797</v>
      </c>
      <c r="L674" s="12">
        <v>0</v>
      </c>
    </row>
    <row r="675" spans="1:12" ht="21.75" customHeight="1" x14ac:dyDescent="0.2">
      <c r="A675" s="5">
        <v>674</v>
      </c>
      <c r="B675" s="6" t="s">
        <v>152</v>
      </c>
      <c r="C675" s="7" t="s">
        <v>337</v>
      </c>
      <c r="D675" s="7" t="s">
        <v>1798</v>
      </c>
      <c r="E675" s="8" t="s">
        <v>1799</v>
      </c>
      <c r="F675" s="9">
        <v>0</v>
      </c>
      <c r="G675" s="5" t="s">
        <v>1601</v>
      </c>
      <c r="H675" s="7" t="s">
        <v>1800</v>
      </c>
      <c r="I675" s="10">
        <v>3021005000220</v>
      </c>
      <c r="K675" s="12">
        <v>0</v>
      </c>
      <c r="L675" s="12">
        <v>0</v>
      </c>
    </row>
    <row r="676" spans="1:12" ht="21.75" customHeight="1" x14ac:dyDescent="0.2">
      <c r="A676" s="5">
        <v>675</v>
      </c>
      <c r="B676" s="6" t="s">
        <v>152</v>
      </c>
      <c r="C676" s="7" t="s">
        <v>360</v>
      </c>
      <c r="D676" s="7" t="s">
        <v>1801</v>
      </c>
      <c r="E676" s="8" t="s">
        <v>1802</v>
      </c>
      <c r="F676" s="9">
        <v>0</v>
      </c>
      <c r="G676" s="5" t="s">
        <v>1601</v>
      </c>
      <c r="H676" s="7" t="s">
        <v>1803</v>
      </c>
      <c r="I676" s="10">
        <v>1021005000156</v>
      </c>
      <c r="K676" s="12">
        <v>0</v>
      </c>
      <c r="L676" s="12">
        <v>0</v>
      </c>
    </row>
    <row r="677" spans="1:12" ht="21.75" customHeight="1" x14ac:dyDescent="0.2">
      <c r="A677" s="5">
        <v>676</v>
      </c>
      <c r="B677" s="6" t="s">
        <v>152</v>
      </c>
      <c r="C677" s="7" t="s">
        <v>360</v>
      </c>
      <c r="D677" s="7" t="s">
        <v>1804</v>
      </c>
      <c r="E677" s="8" t="s">
        <v>1805</v>
      </c>
      <c r="F677" s="9">
        <v>0</v>
      </c>
      <c r="G677" s="5" t="s">
        <v>1601</v>
      </c>
      <c r="H677" s="7" t="s">
        <v>1806</v>
      </c>
      <c r="I677" s="10">
        <v>6021005000234</v>
      </c>
      <c r="K677" s="12">
        <v>0</v>
      </c>
      <c r="L677" s="12">
        <v>0</v>
      </c>
    </row>
    <row r="678" spans="1:12" ht="21.75" customHeight="1" x14ac:dyDescent="0.2">
      <c r="A678" s="5">
        <v>677</v>
      </c>
      <c r="B678" s="6" t="s">
        <v>152</v>
      </c>
      <c r="C678" s="7" t="s">
        <v>376</v>
      </c>
      <c r="D678" s="7" t="s">
        <v>1807</v>
      </c>
      <c r="E678" s="8" t="s">
        <v>1808</v>
      </c>
      <c r="F678" s="9">
        <v>0</v>
      </c>
      <c r="G678" s="5" t="s">
        <v>1601</v>
      </c>
      <c r="H678" s="7" t="s">
        <v>1809</v>
      </c>
      <c r="I678" s="10">
        <v>5021005000152</v>
      </c>
      <c r="K678" s="12">
        <v>0</v>
      </c>
      <c r="L678" s="12">
        <v>0</v>
      </c>
    </row>
    <row r="679" spans="1:12" ht="21.75" customHeight="1" x14ac:dyDescent="0.2">
      <c r="A679" s="5">
        <v>678</v>
      </c>
      <c r="B679" s="6" t="s">
        <v>152</v>
      </c>
      <c r="C679" s="7" t="s">
        <v>376</v>
      </c>
      <c r="D679" s="7" t="s">
        <v>1810</v>
      </c>
      <c r="E679" s="8" t="s">
        <v>1811</v>
      </c>
      <c r="F679" s="9">
        <v>0</v>
      </c>
      <c r="G679" s="5" t="s">
        <v>1601</v>
      </c>
      <c r="H679" s="7" t="s">
        <v>1812</v>
      </c>
      <c r="I679" s="10">
        <v>1021005000164</v>
      </c>
      <c r="K679" s="12">
        <v>0</v>
      </c>
      <c r="L679" s="12">
        <v>0</v>
      </c>
    </row>
    <row r="680" spans="1:12" ht="21.75" customHeight="1" x14ac:dyDescent="0.2">
      <c r="A680" s="5">
        <v>679</v>
      </c>
      <c r="B680" s="6" t="s">
        <v>152</v>
      </c>
      <c r="C680" s="7" t="s">
        <v>376</v>
      </c>
      <c r="D680" s="7" t="s">
        <v>377</v>
      </c>
      <c r="E680" s="8" t="s">
        <v>1813</v>
      </c>
      <c r="F680" s="9">
        <v>0</v>
      </c>
      <c r="G680" s="5" t="s">
        <v>1601</v>
      </c>
      <c r="H680" s="7" t="s">
        <v>1814</v>
      </c>
      <c r="I680" s="10">
        <v>5021005000193</v>
      </c>
      <c r="K680" s="12">
        <v>0</v>
      </c>
      <c r="L680" s="12">
        <v>0</v>
      </c>
    </row>
    <row r="681" spans="1:12" ht="21.75" customHeight="1" x14ac:dyDescent="0.2">
      <c r="A681" s="5">
        <v>680</v>
      </c>
      <c r="B681" s="6" t="s">
        <v>152</v>
      </c>
      <c r="C681" s="7" t="s">
        <v>376</v>
      </c>
      <c r="D681" s="7" t="s">
        <v>1815</v>
      </c>
      <c r="E681" s="8" t="s">
        <v>1816</v>
      </c>
      <c r="F681" s="9">
        <v>0</v>
      </c>
      <c r="G681" s="5" t="s">
        <v>1601</v>
      </c>
      <c r="H681" s="7" t="s">
        <v>1817</v>
      </c>
      <c r="I681" s="10">
        <v>3021005000195</v>
      </c>
      <c r="K681" s="12">
        <v>0</v>
      </c>
      <c r="L681" s="12">
        <v>0</v>
      </c>
    </row>
    <row r="682" spans="1:12" ht="21.75" customHeight="1" x14ac:dyDescent="0.2">
      <c r="A682" s="5">
        <v>681</v>
      </c>
      <c r="B682" s="6" t="s">
        <v>152</v>
      </c>
      <c r="C682" s="7" t="s">
        <v>376</v>
      </c>
      <c r="D682" s="7" t="s">
        <v>1818</v>
      </c>
      <c r="E682" s="8" t="s">
        <v>1819</v>
      </c>
      <c r="F682" s="9">
        <v>0</v>
      </c>
      <c r="G682" s="5" t="s">
        <v>1601</v>
      </c>
      <c r="H682" s="7" t="s">
        <v>1820</v>
      </c>
      <c r="I682" s="10">
        <v>2021005000196</v>
      </c>
      <c r="K682" s="12">
        <v>0</v>
      </c>
      <c r="L682" s="12">
        <v>0</v>
      </c>
    </row>
    <row r="683" spans="1:12" ht="21.75" customHeight="1" x14ac:dyDescent="0.2">
      <c r="A683" s="5">
        <v>682</v>
      </c>
      <c r="B683" s="6" t="s">
        <v>152</v>
      </c>
      <c r="C683" s="7" t="s">
        <v>376</v>
      </c>
      <c r="D683" s="7" t="s">
        <v>1821</v>
      </c>
      <c r="E683" s="8" t="s">
        <v>1822</v>
      </c>
      <c r="F683" s="9">
        <v>0</v>
      </c>
      <c r="G683" s="5" t="s">
        <v>1601</v>
      </c>
      <c r="H683" s="7" t="s">
        <v>1823</v>
      </c>
      <c r="I683" s="10">
        <v>1021005000214</v>
      </c>
      <c r="K683" s="12">
        <v>0</v>
      </c>
      <c r="L683" s="12">
        <v>0</v>
      </c>
    </row>
    <row r="684" spans="1:12" ht="21.75" customHeight="1" x14ac:dyDescent="0.2">
      <c r="A684" s="5">
        <v>683</v>
      </c>
      <c r="B684" s="6" t="s">
        <v>152</v>
      </c>
      <c r="C684" s="7" t="s">
        <v>376</v>
      </c>
      <c r="D684" s="7" t="s">
        <v>1824</v>
      </c>
      <c r="E684" s="8" t="s">
        <v>1825</v>
      </c>
      <c r="F684" s="9">
        <v>0</v>
      </c>
      <c r="G684" s="5" t="s">
        <v>1601</v>
      </c>
      <c r="H684" s="7" t="s">
        <v>1826</v>
      </c>
      <c r="I684" s="10">
        <v>4021005000211</v>
      </c>
      <c r="K684" s="12">
        <v>0</v>
      </c>
      <c r="L684" s="12">
        <v>0</v>
      </c>
    </row>
    <row r="685" spans="1:12" ht="21.75" customHeight="1" x14ac:dyDescent="0.2">
      <c r="A685" s="5">
        <v>684</v>
      </c>
      <c r="B685" s="6" t="s">
        <v>152</v>
      </c>
      <c r="C685" s="7" t="s">
        <v>376</v>
      </c>
      <c r="D685" s="7" t="s">
        <v>1827</v>
      </c>
      <c r="E685" s="8" t="s">
        <v>1828</v>
      </c>
      <c r="F685" s="9">
        <v>0</v>
      </c>
      <c r="G685" s="5" t="s">
        <v>1601</v>
      </c>
      <c r="H685" s="7" t="s">
        <v>1829</v>
      </c>
      <c r="I685" s="10">
        <v>7021005000191</v>
      </c>
      <c r="K685" s="12">
        <v>0</v>
      </c>
      <c r="L685" s="12">
        <v>0</v>
      </c>
    </row>
    <row r="686" spans="1:12" ht="21.75" customHeight="1" x14ac:dyDescent="0.2">
      <c r="A686" s="5">
        <v>685</v>
      </c>
      <c r="B686" s="6" t="s">
        <v>152</v>
      </c>
      <c r="C686" s="7" t="s">
        <v>376</v>
      </c>
      <c r="D686" s="7" t="s">
        <v>1830</v>
      </c>
      <c r="E686" s="8" t="s">
        <v>1831</v>
      </c>
      <c r="F686" s="9">
        <v>0</v>
      </c>
      <c r="G686" s="5" t="s">
        <v>1601</v>
      </c>
      <c r="H686" s="7" t="s">
        <v>1832</v>
      </c>
      <c r="I686" s="10">
        <v>5021005000219</v>
      </c>
      <c r="K686" s="12">
        <v>0</v>
      </c>
      <c r="L686" s="12">
        <v>0</v>
      </c>
    </row>
    <row r="687" spans="1:12" ht="21.75" customHeight="1" x14ac:dyDescent="0.2">
      <c r="A687" s="5">
        <v>686</v>
      </c>
      <c r="B687" s="6" t="s">
        <v>152</v>
      </c>
      <c r="C687" s="7" t="s">
        <v>376</v>
      </c>
      <c r="D687" s="7" t="s">
        <v>1833</v>
      </c>
      <c r="E687" s="8" t="s">
        <v>1834</v>
      </c>
      <c r="F687" s="9">
        <v>0</v>
      </c>
      <c r="G687" s="5" t="s">
        <v>1601</v>
      </c>
      <c r="H687" s="7" t="s">
        <v>1835</v>
      </c>
      <c r="I687" s="10">
        <v>5021005000235</v>
      </c>
      <c r="K687" s="12">
        <v>0</v>
      </c>
      <c r="L687" s="12">
        <v>0</v>
      </c>
    </row>
    <row r="688" spans="1:12" ht="21.75" customHeight="1" x14ac:dyDescent="0.2">
      <c r="A688" s="5">
        <v>687</v>
      </c>
      <c r="B688" s="6" t="s">
        <v>152</v>
      </c>
      <c r="C688" s="7" t="s">
        <v>376</v>
      </c>
      <c r="D688" s="7" t="s">
        <v>1730</v>
      </c>
      <c r="E688" s="8" t="s">
        <v>1836</v>
      </c>
      <c r="F688" s="9">
        <v>0</v>
      </c>
      <c r="G688" s="5" t="s">
        <v>1601</v>
      </c>
      <c r="H688" s="7" t="s">
        <v>1837</v>
      </c>
      <c r="I688" s="10">
        <v>5021005000268</v>
      </c>
      <c r="K688" s="12">
        <v>0</v>
      </c>
      <c r="L688" s="12">
        <v>0</v>
      </c>
    </row>
    <row r="689" spans="1:12" ht="21.75" customHeight="1" x14ac:dyDescent="0.2">
      <c r="A689" s="5">
        <v>688</v>
      </c>
      <c r="B689" s="6" t="s">
        <v>152</v>
      </c>
      <c r="C689" s="7" t="s">
        <v>376</v>
      </c>
      <c r="D689" s="7" t="s">
        <v>1838</v>
      </c>
      <c r="E689" s="8" t="s">
        <v>1839</v>
      </c>
      <c r="F689" s="9">
        <v>0</v>
      </c>
      <c r="G689" s="5" t="s">
        <v>1601</v>
      </c>
      <c r="H689" s="7" t="s">
        <v>1840</v>
      </c>
      <c r="I689" s="10">
        <v>4021005000285</v>
      </c>
      <c r="K689" s="12">
        <v>0</v>
      </c>
      <c r="L689" s="12">
        <v>0</v>
      </c>
    </row>
    <row r="690" spans="1:12" ht="21.75" customHeight="1" x14ac:dyDescent="0.2">
      <c r="A690" s="5">
        <v>689</v>
      </c>
      <c r="B690" s="6" t="s">
        <v>152</v>
      </c>
      <c r="C690" s="7" t="s">
        <v>406</v>
      </c>
      <c r="D690" s="7" t="s">
        <v>1841</v>
      </c>
      <c r="E690" s="8" t="s">
        <v>1842</v>
      </c>
      <c r="F690" s="9">
        <v>0</v>
      </c>
      <c r="G690" s="5" t="s">
        <v>1601</v>
      </c>
      <c r="H690" s="7" t="s">
        <v>1843</v>
      </c>
      <c r="I690" s="10">
        <v>9021005000173</v>
      </c>
      <c r="K690" s="12">
        <v>0</v>
      </c>
      <c r="L690" s="12">
        <v>0</v>
      </c>
    </row>
    <row r="691" spans="1:12" ht="21.75" customHeight="1" x14ac:dyDescent="0.2">
      <c r="A691" s="5">
        <v>690</v>
      </c>
      <c r="B691" s="6" t="s">
        <v>152</v>
      </c>
      <c r="C691" s="7" t="s">
        <v>406</v>
      </c>
      <c r="D691" s="7" t="s">
        <v>1844</v>
      </c>
      <c r="E691" s="8" t="s">
        <v>1845</v>
      </c>
      <c r="F691" s="9">
        <v>0</v>
      </c>
      <c r="G691" s="5" t="s">
        <v>1601</v>
      </c>
      <c r="H691" s="7" t="s">
        <v>1846</v>
      </c>
      <c r="I691" s="10">
        <v>2021005000188</v>
      </c>
      <c r="K691" s="12">
        <v>0</v>
      </c>
      <c r="L691" s="12">
        <v>0</v>
      </c>
    </row>
    <row r="692" spans="1:12" ht="21.75" customHeight="1" x14ac:dyDescent="0.2">
      <c r="A692" s="5">
        <v>691</v>
      </c>
      <c r="B692" s="6" t="s">
        <v>152</v>
      </c>
      <c r="C692" s="7" t="s">
        <v>406</v>
      </c>
      <c r="D692" s="7" t="s">
        <v>1847</v>
      </c>
      <c r="E692" s="8" t="s">
        <v>1848</v>
      </c>
      <c r="F692" s="9">
        <v>0</v>
      </c>
      <c r="G692" s="5" t="s">
        <v>1601</v>
      </c>
      <c r="H692" s="7" t="s">
        <v>1849</v>
      </c>
      <c r="I692" s="10">
        <v>6021005000267</v>
      </c>
      <c r="K692" s="12">
        <v>0</v>
      </c>
      <c r="L692" s="12">
        <v>0</v>
      </c>
    </row>
    <row r="693" spans="1:12" ht="21.75" customHeight="1" x14ac:dyDescent="0.2">
      <c r="A693" s="5">
        <v>692</v>
      </c>
      <c r="B693" s="6" t="s">
        <v>152</v>
      </c>
      <c r="C693" s="7" t="s">
        <v>406</v>
      </c>
      <c r="D693" s="7" t="s">
        <v>312</v>
      </c>
      <c r="E693" s="8" t="s">
        <v>1850</v>
      </c>
      <c r="F693" s="9">
        <v>0</v>
      </c>
      <c r="G693" s="5" t="s">
        <v>1601</v>
      </c>
      <c r="H693" s="7" t="s">
        <v>1851</v>
      </c>
      <c r="I693" s="10">
        <v>9021005000264</v>
      </c>
      <c r="K693" s="12">
        <v>0</v>
      </c>
      <c r="L693" s="12">
        <v>0</v>
      </c>
    </row>
    <row r="694" spans="1:12" ht="21.75" customHeight="1" x14ac:dyDescent="0.2">
      <c r="A694" s="5">
        <v>693</v>
      </c>
      <c r="B694" s="6" t="s">
        <v>152</v>
      </c>
      <c r="C694" s="7" t="s">
        <v>406</v>
      </c>
      <c r="D694" s="7" t="s">
        <v>1852</v>
      </c>
      <c r="E694" s="8" t="s">
        <v>1853</v>
      </c>
      <c r="F694" s="9">
        <v>0</v>
      </c>
      <c r="G694" s="5" t="s">
        <v>1601</v>
      </c>
      <c r="H694" s="7" t="s">
        <v>1854</v>
      </c>
      <c r="I694" s="10">
        <v>7021005000266</v>
      </c>
      <c r="K694" s="12">
        <v>0</v>
      </c>
      <c r="L694" s="12">
        <v>0</v>
      </c>
    </row>
    <row r="695" spans="1:12" ht="21.75" customHeight="1" x14ac:dyDescent="0.2">
      <c r="A695" s="5">
        <v>694</v>
      </c>
      <c r="B695" s="6" t="s">
        <v>152</v>
      </c>
      <c r="C695" s="7" t="s">
        <v>406</v>
      </c>
      <c r="D695" s="7" t="s">
        <v>1855</v>
      </c>
      <c r="E695" s="8" t="s">
        <v>1856</v>
      </c>
      <c r="F695" s="9">
        <v>0</v>
      </c>
      <c r="G695" s="5" t="s">
        <v>1601</v>
      </c>
      <c r="H695" s="7" t="s">
        <v>1857</v>
      </c>
      <c r="I695" s="10">
        <v>8021005000265</v>
      </c>
      <c r="K695" s="12">
        <v>0</v>
      </c>
      <c r="L695" s="12">
        <v>0</v>
      </c>
    </row>
    <row r="696" spans="1:12" ht="21.75" customHeight="1" x14ac:dyDescent="0.2">
      <c r="A696" s="5">
        <v>695</v>
      </c>
      <c r="B696" s="6" t="s">
        <v>152</v>
      </c>
      <c r="C696" s="7" t="s">
        <v>406</v>
      </c>
      <c r="D696" s="7" t="s">
        <v>1858</v>
      </c>
      <c r="E696" s="8" t="s">
        <v>1859</v>
      </c>
      <c r="F696" s="9">
        <v>0</v>
      </c>
      <c r="G696" s="5" t="s">
        <v>1601</v>
      </c>
      <c r="H696" s="7" t="s">
        <v>1860</v>
      </c>
      <c r="I696" s="10">
        <v>8021005000281</v>
      </c>
      <c r="K696" s="12">
        <v>0</v>
      </c>
      <c r="L696" s="12">
        <v>0</v>
      </c>
    </row>
    <row r="697" spans="1:12" ht="21.75" customHeight="1" x14ac:dyDescent="0.2">
      <c r="A697" s="5">
        <v>696</v>
      </c>
      <c r="B697" s="6" t="s">
        <v>152</v>
      </c>
      <c r="C697" s="7" t="s">
        <v>406</v>
      </c>
      <c r="D697" s="7" t="s">
        <v>1861</v>
      </c>
      <c r="E697" s="8" t="s">
        <v>1862</v>
      </c>
      <c r="F697" s="9">
        <v>0</v>
      </c>
      <c r="G697" s="5" t="s">
        <v>1601</v>
      </c>
      <c r="H697" s="7" t="s">
        <v>1863</v>
      </c>
      <c r="I697" s="10">
        <v>9021005000280</v>
      </c>
      <c r="K697" s="12">
        <v>0</v>
      </c>
      <c r="L697" s="12">
        <v>0</v>
      </c>
    </row>
    <row r="698" spans="1:12" ht="21.75" customHeight="1" x14ac:dyDescent="0.2">
      <c r="A698" s="5">
        <v>697</v>
      </c>
      <c r="B698" s="6" t="s">
        <v>152</v>
      </c>
      <c r="C698" s="7" t="s">
        <v>406</v>
      </c>
      <c r="D698" s="7" t="s">
        <v>1864</v>
      </c>
      <c r="E698" s="8" t="s">
        <v>1865</v>
      </c>
      <c r="F698" s="9">
        <v>0</v>
      </c>
      <c r="G698" s="5" t="s">
        <v>1601</v>
      </c>
      <c r="H698" s="7" t="s">
        <v>1866</v>
      </c>
      <c r="I698" s="10">
        <v>2021005000279</v>
      </c>
      <c r="K698" s="12">
        <v>0</v>
      </c>
      <c r="L698" s="12">
        <v>0</v>
      </c>
    </row>
    <row r="699" spans="1:12" ht="21.75" customHeight="1" x14ac:dyDescent="0.2">
      <c r="A699" s="5">
        <v>698</v>
      </c>
      <c r="B699" s="6" t="s">
        <v>152</v>
      </c>
      <c r="C699" s="7" t="s">
        <v>406</v>
      </c>
      <c r="D699" s="7" t="s">
        <v>923</v>
      </c>
      <c r="E699" s="8" t="s">
        <v>1867</v>
      </c>
      <c r="F699" s="9">
        <v>0</v>
      </c>
      <c r="G699" s="5" t="s">
        <v>1601</v>
      </c>
      <c r="H699" s="7" t="s">
        <v>1868</v>
      </c>
      <c r="I699" s="10">
        <v>3021005000286</v>
      </c>
      <c r="K699" s="12">
        <v>0</v>
      </c>
      <c r="L699" s="12">
        <v>0</v>
      </c>
    </row>
    <row r="700" spans="1:12" ht="21.75" customHeight="1" x14ac:dyDescent="0.2">
      <c r="A700" s="5">
        <v>699</v>
      </c>
      <c r="B700" s="6" t="s">
        <v>152</v>
      </c>
      <c r="C700" s="7" t="s">
        <v>406</v>
      </c>
      <c r="D700" s="7" t="s">
        <v>1869</v>
      </c>
      <c r="E700" s="8" t="s">
        <v>1870</v>
      </c>
      <c r="F700" s="9">
        <v>0</v>
      </c>
      <c r="G700" s="5" t="s">
        <v>1601</v>
      </c>
      <c r="H700" s="7" t="s">
        <v>1871</v>
      </c>
      <c r="I700" s="10">
        <v>1021005000288</v>
      </c>
      <c r="K700" s="12">
        <v>0</v>
      </c>
      <c r="L700" s="12">
        <v>0</v>
      </c>
    </row>
    <row r="701" spans="1:12" ht="21.75" customHeight="1" x14ac:dyDescent="0.2">
      <c r="A701" s="5">
        <v>700</v>
      </c>
      <c r="B701" s="6" t="s">
        <v>152</v>
      </c>
      <c r="C701" s="7" t="s">
        <v>406</v>
      </c>
      <c r="D701" s="7" t="s">
        <v>1872</v>
      </c>
      <c r="E701" s="8" t="s">
        <v>1873</v>
      </c>
      <c r="F701" s="9">
        <v>0</v>
      </c>
      <c r="G701" s="5" t="s">
        <v>1601</v>
      </c>
      <c r="H701" s="7" t="s">
        <v>1874</v>
      </c>
      <c r="I701" s="10">
        <v>2021005000287</v>
      </c>
      <c r="K701" s="12">
        <v>0</v>
      </c>
      <c r="L701" s="12">
        <v>0</v>
      </c>
    </row>
    <row r="702" spans="1:12" ht="21.75" customHeight="1" x14ac:dyDescent="0.2">
      <c r="A702" s="5">
        <v>701</v>
      </c>
      <c r="B702" s="6" t="s">
        <v>152</v>
      </c>
      <c r="C702" s="7" t="s">
        <v>467</v>
      </c>
      <c r="D702" s="7" t="s">
        <v>1875</v>
      </c>
      <c r="E702" s="8" t="s">
        <v>1876</v>
      </c>
      <c r="F702" s="9">
        <v>0</v>
      </c>
      <c r="G702" s="5" t="s">
        <v>1601</v>
      </c>
      <c r="H702" s="7" t="s">
        <v>1877</v>
      </c>
      <c r="I702" s="10">
        <v>7021005000200</v>
      </c>
      <c r="K702" s="12">
        <v>0</v>
      </c>
      <c r="L702" s="12">
        <v>0</v>
      </c>
    </row>
    <row r="703" spans="1:12" ht="21.75" customHeight="1" x14ac:dyDescent="0.2">
      <c r="A703" s="5">
        <v>702</v>
      </c>
      <c r="B703" s="6" t="s">
        <v>152</v>
      </c>
      <c r="C703" s="7" t="s">
        <v>471</v>
      </c>
      <c r="D703" s="7" t="s">
        <v>1878</v>
      </c>
      <c r="E703" s="8" t="s">
        <v>1879</v>
      </c>
      <c r="F703" s="9">
        <v>0</v>
      </c>
      <c r="G703" s="5" t="s">
        <v>1601</v>
      </c>
      <c r="H703" s="7" t="s">
        <v>1880</v>
      </c>
      <c r="I703" s="10">
        <v>9021005000207</v>
      </c>
      <c r="K703" s="12">
        <v>0</v>
      </c>
      <c r="L703" s="12">
        <v>0</v>
      </c>
    </row>
    <row r="704" spans="1:12" ht="21.75" customHeight="1" x14ac:dyDescent="0.2">
      <c r="A704" s="5">
        <v>703</v>
      </c>
      <c r="B704" s="6" t="s">
        <v>152</v>
      </c>
      <c r="C704" s="7" t="s">
        <v>489</v>
      </c>
      <c r="D704" s="7" t="s">
        <v>1881</v>
      </c>
      <c r="E704" s="8" t="s">
        <v>1882</v>
      </c>
      <c r="F704" s="9">
        <v>0</v>
      </c>
      <c r="G704" s="5" t="s">
        <v>1601</v>
      </c>
      <c r="H704" s="7" t="s">
        <v>1883</v>
      </c>
      <c r="I704" s="10">
        <v>3021005001219</v>
      </c>
      <c r="K704" s="12">
        <v>0</v>
      </c>
      <c r="L704" s="12">
        <v>0</v>
      </c>
    </row>
    <row r="705" spans="1:12" ht="21.75" customHeight="1" x14ac:dyDescent="0.2">
      <c r="A705" s="5">
        <v>704</v>
      </c>
      <c r="B705" s="6" t="s">
        <v>152</v>
      </c>
      <c r="C705" s="7" t="s">
        <v>489</v>
      </c>
      <c r="D705" s="7" t="s">
        <v>1884</v>
      </c>
      <c r="E705" s="8" t="s">
        <v>1885</v>
      </c>
      <c r="F705" s="9">
        <v>0</v>
      </c>
      <c r="G705" s="5" t="s">
        <v>1601</v>
      </c>
      <c r="H705" s="7" t="s">
        <v>1886</v>
      </c>
      <c r="I705" s="10">
        <v>9021005000231</v>
      </c>
      <c r="K705" s="12">
        <v>0</v>
      </c>
      <c r="L705" s="12">
        <v>0</v>
      </c>
    </row>
    <row r="706" spans="1:12" ht="21.75" customHeight="1" x14ac:dyDescent="0.2">
      <c r="A706" s="5">
        <v>705</v>
      </c>
      <c r="B706" s="6" t="s">
        <v>152</v>
      </c>
      <c r="C706" s="7" t="s">
        <v>489</v>
      </c>
      <c r="D706" s="7" t="s">
        <v>1887</v>
      </c>
      <c r="E706" s="8" t="s">
        <v>1888</v>
      </c>
      <c r="F706" s="9">
        <v>0</v>
      </c>
      <c r="G706" s="5" t="s">
        <v>1601</v>
      </c>
      <c r="H706" s="7" t="s">
        <v>1889</v>
      </c>
      <c r="I706" s="10">
        <v>3021005000261</v>
      </c>
      <c r="K706" s="12">
        <v>0</v>
      </c>
      <c r="L706" s="12">
        <v>0</v>
      </c>
    </row>
    <row r="707" spans="1:12" ht="21.75" customHeight="1" x14ac:dyDescent="0.2">
      <c r="A707" s="5">
        <v>706</v>
      </c>
      <c r="B707" s="6" t="s">
        <v>542</v>
      </c>
      <c r="C707" s="7" t="s">
        <v>543</v>
      </c>
      <c r="D707" s="7" t="s">
        <v>1890</v>
      </c>
      <c r="E707" s="8" t="s">
        <v>1891</v>
      </c>
      <c r="F707" s="9">
        <v>0</v>
      </c>
      <c r="G707" s="5" t="s">
        <v>1601</v>
      </c>
      <c r="H707" s="7" t="s">
        <v>1892</v>
      </c>
      <c r="I707" s="10">
        <v>3021005000245</v>
      </c>
      <c r="K707" s="12">
        <v>0</v>
      </c>
      <c r="L707" s="12">
        <v>0</v>
      </c>
    </row>
    <row r="708" spans="1:12" ht="21.75" customHeight="1" x14ac:dyDescent="0.2">
      <c r="A708" s="5">
        <v>707</v>
      </c>
      <c r="B708" s="6" t="s">
        <v>542</v>
      </c>
      <c r="C708" s="7" t="s">
        <v>543</v>
      </c>
      <c r="D708" s="7" t="s">
        <v>1893</v>
      </c>
      <c r="E708" s="8" t="s">
        <v>1894</v>
      </c>
      <c r="F708" s="9">
        <v>0</v>
      </c>
      <c r="G708" s="5" t="s">
        <v>1601</v>
      </c>
      <c r="H708" s="7" t="s">
        <v>1895</v>
      </c>
      <c r="I708" s="10">
        <v>1021005000239</v>
      </c>
      <c r="J708" s="11" t="s">
        <v>2931</v>
      </c>
      <c r="K708" s="12" t="s">
        <v>1896</v>
      </c>
      <c r="L708" s="12">
        <v>0</v>
      </c>
    </row>
    <row r="709" spans="1:12" ht="21.75" customHeight="1" x14ac:dyDescent="0.2">
      <c r="A709" s="5">
        <v>708</v>
      </c>
      <c r="B709" s="6" t="s">
        <v>542</v>
      </c>
      <c r="C709" s="7" t="s">
        <v>543</v>
      </c>
      <c r="D709" s="7" t="s">
        <v>1897</v>
      </c>
      <c r="E709" s="8" t="s">
        <v>1898</v>
      </c>
      <c r="F709" s="9">
        <v>0</v>
      </c>
      <c r="G709" s="5" t="s">
        <v>1601</v>
      </c>
      <c r="H709" s="7" t="s">
        <v>1899</v>
      </c>
      <c r="I709" s="10">
        <v>4021005000244</v>
      </c>
      <c r="K709" s="12">
        <v>0</v>
      </c>
      <c r="L709" s="12">
        <v>0</v>
      </c>
    </row>
    <row r="710" spans="1:12" ht="21.75" customHeight="1" x14ac:dyDescent="0.2">
      <c r="A710" s="5">
        <v>709</v>
      </c>
      <c r="B710" s="6" t="s">
        <v>542</v>
      </c>
      <c r="C710" s="7" t="s">
        <v>543</v>
      </c>
      <c r="D710" s="7" t="s">
        <v>1900</v>
      </c>
      <c r="E710" s="8" t="s">
        <v>1901</v>
      </c>
      <c r="F710" s="9">
        <v>0</v>
      </c>
      <c r="G710" s="5" t="s">
        <v>1601</v>
      </c>
      <c r="H710" s="7" t="s">
        <v>1902</v>
      </c>
      <c r="I710" s="10">
        <v>7021005000241</v>
      </c>
      <c r="K710" s="12">
        <v>0</v>
      </c>
      <c r="L710" s="12">
        <v>0</v>
      </c>
    </row>
    <row r="711" spans="1:12" ht="21.75" customHeight="1" x14ac:dyDescent="0.2">
      <c r="A711" s="5">
        <v>710</v>
      </c>
      <c r="B711" s="6" t="s">
        <v>542</v>
      </c>
      <c r="C711" s="7" t="s">
        <v>1903</v>
      </c>
      <c r="D711" s="7" t="s">
        <v>1904</v>
      </c>
      <c r="E711" s="8" t="s">
        <v>1905</v>
      </c>
      <c r="F711" s="9">
        <v>0</v>
      </c>
      <c r="G711" s="5" t="s">
        <v>1601</v>
      </c>
      <c r="H711" s="7" t="s">
        <v>1906</v>
      </c>
      <c r="I711" s="10">
        <v>6021005000242</v>
      </c>
      <c r="K711" s="12">
        <v>0</v>
      </c>
      <c r="L711" s="12">
        <v>0</v>
      </c>
    </row>
    <row r="712" spans="1:12" ht="21.75" customHeight="1" x14ac:dyDescent="0.2">
      <c r="A712" s="5">
        <v>711</v>
      </c>
      <c r="B712" s="6" t="s">
        <v>542</v>
      </c>
      <c r="C712" s="7" t="s">
        <v>1907</v>
      </c>
      <c r="D712" s="7" t="s">
        <v>1908</v>
      </c>
      <c r="E712" s="8" t="s">
        <v>1909</v>
      </c>
      <c r="F712" s="9">
        <v>0</v>
      </c>
      <c r="G712" s="5" t="s">
        <v>1601</v>
      </c>
      <c r="H712" s="7" t="s">
        <v>1910</v>
      </c>
      <c r="I712" s="10">
        <v>2021005000246</v>
      </c>
      <c r="K712" s="12">
        <v>0</v>
      </c>
      <c r="L712" s="12">
        <v>0</v>
      </c>
    </row>
    <row r="713" spans="1:12" ht="21.75" customHeight="1" x14ac:dyDescent="0.2">
      <c r="A713" s="5">
        <v>712</v>
      </c>
      <c r="B713" s="6" t="s">
        <v>542</v>
      </c>
      <c r="C713" s="7" t="s">
        <v>1907</v>
      </c>
      <c r="D713" s="7" t="s">
        <v>1911</v>
      </c>
      <c r="E713" s="8" t="s">
        <v>1912</v>
      </c>
      <c r="F713" s="9">
        <v>0</v>
      </c>
      <c r="G713" s="5" t="s">
        <v>1601</v>
      </c>
      <c r="H713" s="7" t="s">
        <v>1913</v>
      </c>
      <c r="I713" s="10">
        <v>1021005000247</v>
      </c>
      <c r="J713" s="11" t="s">
        <v>2931</v>
      </c>
      <c r="K713" s="12" t="s">
        <v>1914</v>
      </c>
      <c r="L713" s="12">
        <v>0</v>
      </c>
    </row>
    <row r="714" spans="1:12" ht="21.75" customHeight="1" x14ac:dyDescent="0.2">
      <c r="A714" s="5">
        <v>713</v>
      </c>
      <c r="B714" s="6" t="s">
        <v>542</v>
      </c>
      <c r="C714" s="7" t="s">
        <v>591</v>
      </c>
      <c r="D714" s="7" t="s">
        <v>1915</v>
      </c>
      <c r="E714" s="8" t="s">
        <v>1916</v>
      </c>
      <c r="F714" s="9">
        <v>0</v>
      </c>
      <c r="G714" s="5" t="s">
        <v>1601</v>
      </c>
      <c r="H714" s="7" t="s">
        <v>1917</v>
      </c>
      <c r="I714" s="10">
        <v>4021005008808</v>
      </c>
      <c r="K714" s="12">
        <v>0</v>
      </c>
      <c r="L714" s="12">
        <v>0</v>
      </c>
    </row>
    <row r="715" spans="1:12" ht="21.75" customHeight="1" x14ac:dyDescent="0.2">
      <c r="A715" s="5">
        <v>714</v>
      </c>
      <c r="B715" s="6" t="s">
        <v>542</v>
      </c>
      <c r="C715" s="7" t="s">
        <v>591</v>
      </c>
      <c r="D715" s="7" t="s">
        <v>1918</v>
      </c>
      <c r="E715" s="8" t="s">
        <v>1919</v>
      </c>
      <c r="F715" s="9">
        <v>0</v>
      </c>
      <c r="G715" s="5" t="s">
        <v>1601</v>
      </c>
      <c r="H715" s="7" t="s">
        <v>1920</v>
      </c>
      <c r="I715" s="10">
        <v>6021005005407</v>
      </c>
      <c r="K715" s="12">
        <v>0</v>
      </c>
      <c r="L715" s="12">
        <v>0</v>
      </c>
    </row>
    <row r="716" spans="1:12" ht="21.75" customHeight="1" x14ac:dyDescent="0.2">
      <c r="A716" s="5">
        <v>715</v>
      </c>
      <c r="B716" s="6" t="s">
        <v>542</v>
      </c>
      <c r="C716" s="7" t="s">
        <v>591</v>
      </c>
      <c r="D716" s="7" t="s">
        <v>1921</v>
      </c>
      <c r="E716" s="8" t="s">
        <v>1922</v>
      </c>
      <c r="F716" s="9">
        <v>0</v>
      </c>
      <c r="G716" s="5" t="s">
        <v>1601</v>
      </c>
      <c r="H716" s="7" t="s">
        <v>1923</v>
      </c>
      <c r="I716" s="10">
        <v>2021005000436</v>
      </c>
      <c r="K716" s="12">
        <v>0</v>
      </c>
      <c r="L716" s="12">
        <v>0</v>
      </c>
    </row>
    <row r="717" spans="1:12" ht="21.75" customHeight="1" x14ac:dyDescent="0.2">
      <c r="A717" s="5">
        <v>716</v>
      </c>
      <c r="B717" s="6" t="s">
        <v>542</v>
      </c>
      <c r="C717" s="7" t="s">
        <v>591</v>
      </c>
      <c r="D717" s="7" t="s">
        <v>1924</v>
      </c>
      <c r="E717" s="8" t="s">
        <v>1925</v>
      </c>
      <c r="F717" s="9">
        <v>0</v>
      </c>
      <c r="G717" s="5" t="s">
        <v>1601</v>
      </c>
      <c r="H717" s="7" t="s">
        <v>1926</v>
      </c>
      <c r="I717" s="10">
        <v>8021005000199</v>
      </c>
      <c r="K717" s="12">
        <v>0</v>
      </c>
      <c r="L717" s="12">
        <v>0</v>
      </c>
    </row>
    <row r="718" spans="1:12" ht="21.75" customHeight="1" x14ac:dyDescent="0.2">
      <c r="A718" s="5">
        <v>717</v>
      </c>
      <c r="B718" s="6" t="s">
        <v>542</v>
      </c>
      <c r="C718" s="7" t="s">
        <v>591</v>
      </c>
      <c r="D718" s="7" t="s">
        <v>1927</v>
      </c>
      <c r="E718" s="8" t="s">
        <v>1928</v>
      </c>
      <c r="F718" s="9">
        <v>0</v>
      </c>
      <c r="G718" s="5" t="s">
        <v>1601</v>
      </c>
      <c r="H718" s="7" t="s">
        <v>1929</v>
      </c>
      <c r="I718" s="10">
        <v>1021005000197</v>
      </c>
      <c r="K718" s="12">
        <v>0</v>
      </c>
      <c r="L718" s="12">
        <v>0</v>
      </c>
    </row>
    <row r="719" spans="1:12" ht="21.75" customHeight="1" x14ac:dyDescent="0.2">
      <c r="A719" s="5">
        <v>718</v>
      </c>
      <c r="B719" s="6" t="s">
        <v>542</v>
      </c>
      <c r="C719" s="7" t="s">
        <v>591</v>
      </c>
      <c r="D719" s="7" t="s">
        <v>1930</v>
      </c>
      <c r="E719" s="8" t="s">
        <v>1931</v>
      </c>
      <c r="F719" s="9">
        <v>0</v>
      </c>
      <c r="G719" s="5" t="s">
        <v>1601</v>
      </c>
      <c r="H719" s="7" t="s">
        <v>1932</v>
      </c>
      <c r="I719" s="10">
        <v>6021005000201</v>
      </c>
      <c r="K719" s="12">
        <v>0</v>
      </c>
      <c r="L719" s="12">
        <v>0</v>
      </c>
    </row>
    <row r="720" spans="1:12" ht="21.75" customHeight="1" x14ac:dyDescent="0.2">
      <c r="A720" s="5">
        <v>719</v>
      </c>
      <c r="B720" s="6" t="s">
        <v>542</v>
      </c>
      <c r="C720" s="7" t="s">
        <v>591</v>
      </c>
      <c r="D720" s="7" t="s">
        <v>1933</v>
      </c>
      <c r="E720" s="8" t="s">
        <v>1934</v>
      </c>
      <c r="F720" s="9">
        <v>0</v>
      </c>
      <c r="G720" s="5" t="s">
        <v>1601</v>
      </c>
      <c r="H720" s="7" t="s">
        <v>1935</v>
      </c>
      <c r="I720" s="10">
        <v>4021005000236</v>
      </c>
      <c r="K720" s="12">
        <v>0</v>
      </c>
      <c r="L720" s="12">
        <v>0</v>
      </c>
    </row>
    <row r="721" spans="1:12" ht="21.75" customHeight="1" x14ac:dyDescent="0.2">
      <c r="A721" s="5">
        <v>720</v>
      </c>
      <c r="B721" s="6" t="s">
        <v>542</v>
      </c>
      <c r="C721" s="7" t="s">
        <v>591</v>
      </c>
      <c r="D721" s="7" t="s">
        <v>1936</v>
      </c>
      <c r="E721" s="8" t="s">
        <v>1937</v>
      </c>
      <c r="F721" s="9">
        <v>0</v>
      </c>
      <c r="G721" s="5" t="s">
        <v>1601</v>
      </c>
      <c r="H721" s="7" t="s">
        <v>1938</v>
      </c>
      <c r="I721" s="10">
        <v>5021005012379</v>
      </c>
      <c r="K721" s="12">
        <v>0</v>
      </c>
      <c r="L721" s="12">
        <v>0</v>
      </c>
    </row>
    <row r="722" spans="1:12" ht="21.75" customHeight="1" x14ac:dyDescent="0.2">
      <c r="A722" s="5">
        <v>721</v>
      </c>
      <c r="B722" s="6" t="s">
        <v>542</v>
      </c>
      <c r="C722" s="7" t="s">
        <v>591</v>
      </c>
      <c r="D722" s="7" t="s">
        <v>1939</v>
      </c>
      <c r="E722" s="8" t="s">
        <v>1940</v>
      </c>
      <c r="F722" s="9">
        <v>0</v>
      </c>
      <c r="G722" s="5" t="s">
        <v>1601</v>
      </c>
      <c r="H722" s="7" t="s">
        <v>1941</v>
      </c>
      <c r="I722" s="10">
        <v>3021005007422</v>
      </c>
      <c r="K722" s="12">
        <v>0</v>
      </c>
      <c r="L722" s="12">
        <v>0</v>
      </c>
    </row>
    <row r="723" spans="1:12" ht="21.75" customHeight="1" x14ac:dyDescent="0.2">
      <c r="A723" s="5">
        <v>722</v>
      </c>
      <c r="B723" s="6" t="s">
        <v>542</v>
      </c>
      <c r="C723" s="7" t="s">
        <v>591</v>
      </c>
      <c r="D723" s="7" t="s">
        <v>1942</v>
      </c>
      <c r="E723" s="8" t="s">
        <v>1943</v>
      </c>
      <c r="F723" s="9">
        <v>0</v>
      </c>
      <c r="G723" s="5" t="s">
        <v>1601</v>
      </c>
      <c r="H723" s="7" t="s">
        <v>1944</v>
      </c>
      <c r="I723" s="10">
        <v>4021005011002</v>
      </c>
      <c r="K723" s="12">
        <v>0</v>
      </c>
      <c r="L723" s="12">
        <v>0</v>
      </c>
    </row>
    <row r="724" spans="1:12" ht="21.75" customHeight="1" x14ac:dyDescent="0.2">
      <c r="A724" s="5">
        <v>723</v>
      </c>
      <c r="B724" s="6" t="s">
        <v>598</v>
      </c>
      <c r="C724" s="7" t="s">
        <v>599</v>
      </c>
      <c r="D724" s="7" t="s">
        <v>1945</v>
      </c>
      <c r="E724" s="8" t="s">
        <v>1946</v>
      </c>
      <c r="F724" s="9">
        <v>0</v>
      </c>
      <c r="G724" s="5" t="s">
        <v>1601</v>
      </c>
      <c r="H724" s="7" t="s">
        <v>1947</v>
      </c>
      <c r="I724" s="10">
        <v>1021005000230</v>
      </c>
      <c r="K724" s="12">
        <v>0</v>
      </c>
      <c r="L724" s="12">
        <v>0</v>
      </c>
    </row>
    <row r="725" spans="1:12" ht="21.75" customHeight="1" x14ac:dyDescent="0.2">
      <c r="A725" s="5">
        <v>724</v>
      </c>
      <c r="B725" s="6" t="s">
        <v>598</v>
      </c>
      <c r="C725" s="7" t="s">
        <v>599</v>
      </c>
      <c r="D725" s="7" t="s">
        <v>1948</v>
      </c>
      <c r="E725" s="8" t="s">
        <v>1949</v>
      </c>
      <c r="F725" s="9">
        <v>0</v>
      </c>
      <c r="G725" s="5" t="s">
        <v>1601</v>
      </c>
      <c r="H725" s="7" t="s">
        <v>1950</v>
      </c>
      <c r="I725" s="10">
        <v>7021005000225</v>
      </c>
      <c r="K725" s="12">
        <v>0</v>
      </c>
      <c r="L725" s="12">
        <v>0</v>
      </c>
    </row>
    <row r="726" spans="1:12" ht="21.75" customHeight="1" x14ac:dyDescent="0.2">
      <c r="A726" s="5">
        <v>725</v>
      </c>
      <c r="B726" s="6" t="s">
        <v>598</v>
      </c>
      <c r="C726" s="7" t="s">
        <v>599</v>
      </c>
      <c r="D726" s="7" t="s">
        <v>1951</v>
      </c>
      <c r="E726" s="8" t="s">
        <v>1952</v>
      </c>
      <c r="F726" s="9">
        <v>0</v>
      </c>
      <c r="G726" s="5" t="s">
        <v>1601</v>
      </c>
      <c r="H726" s="7" t="s">
        <v>1953</v>
      </c>
      <c r="I726" s="10">
        <v>8021005000224</v>
      </c>
      <c r="K726" s="12">
        <v>0</v>
      </c>
      <c r="L726" s="12">
        <v>0</v>
      </c>
    </row>
    <row r="727" spans="1:12" ht="21.75" customHeight="1" x14ac:dyDescent="0.2">
      <c r="A727" s="5">
        <v>726</v>
      </c>
      <c r="B727" s="6" t="s">
        <v>598</v>
      </c>
      <c r="C727" s="7" t="s">
        <v>599</v>
      </c>
      <c r="D727" s="7" t="s">
        <v>1954</v>
      </c>
      <c r="E727" s="8" t="s">
        <v>1955</v>
      </c>
      <c r="F727" s="9">
        <v>0</v>
      </c>
      <c r="G727" s="5" t="s">
        <v>1601</v>
      </c>
      <c r="H727" s="7" t="s">
        <v>1956</v>
      </c>
      <c r="I727" s="10">
        <v>4021005000228</v>
      </c>
      <c r="K727" s="12">
        <v>0</v>
      </c>
      <c r="L727" s="12">
        <v>0</v>
      </c>
    </row>
    <row r="728" spans="1:12" ht="21.75" customHeight="1" x14ac:dyDescent="0.2">
      <c r="A728" s="5">
        <v>727</v>
      </c>
      <c r="B728" s="6" t="s">
        <v>598</v>
      </c>
      <c r="C728" s="7" t="s">
        <v>599</v>
      </c>
      <c r="D728" s="7" t="s">
        <v>1957</v>
      </c>
      <c r="E728" s="8" t="s">
        <v>1958</v>
      </c>
      <c r="F728" s="9">
        <v>0</v>
      </c>
      <c r="G728" s="5" t="s">
        <v>1601</v>
      </c>
      <c r="H728" s="7" t="s">
        <v>1959</v>
      </c>
      <c r="I728" s="10">
        <v>9021005000223</v>
      </c>
      <c r="K728" s="12">
        <v>0</v>
      </c>
      <c r="L728" s="12">
        <v>0</v>
      </c>
    </row>
    <row r="729" spans="1:12" ht="21.75" customHeight="1" x14ac:dyDescent="0.2">
      <c r="A729" s="5">
        <v>728</v>
      </c>
      <c r="B729" s="6" t="s">
        <v>598</v>
      </c>
      <c r="C729" s="7" t="s">
        <v>599</v>
      </c>
      <c r="D729" s="7" t="s">
        <v>1960</v>
      </c>
      <c r="E729" s="8" t="s">
        <v>1961</v>
      </c>
      <c r="F729" s="9">
        <v>0</v>
      </c>
      <c r="G729" s="5" t="s">
        <v>1601</v>
      </c>
      <c r="H729" s="7" t="s">
        <v>1962</v>
      </c>
      <c r="I729" s="10">
        <v>6021005000226</v>
      </c>
      <c r="K729" s="12">
        <v>0</v>
      </c>
      <c r="L729" s="12">
        <v>0</v>
      </c>
    </row>
    <row r="730" spans="1:12" ht="21.75" customHeight="1" x14ac:dyDescent="0.2">
      <c r="A730" s="5">
        <v>729</v>
      </c>
      <c r="B730" s="6" t="s">
        <v>12</v>
      </c>
      <c r="C730" s="7" t="s">
        <v>13</v>
      </c>
      <c r="D730" s="7" t="s">
        <v>1963</v>
      </c>
      <c r="E730" s="8" t="s">
        <v>1964</v>
      </c>
      <c r="F730" s="9">
        <v>0</v>
      </c>
      <c r="G730" s="5" t="s">
        <v>1965</v>
      </c>
      <c r="H730" s="7" t="s">
        <v>1966</v>
      </c>
      <c r="I730" s="10">
        <v>4021005005557</v>
      </c>
      <c r="K730" s="12">
        <v>0</v>
      </c>
      <c r="L730" s="12">
        <v>0</v>
      </c>
    </row>
    <row r="731" spans="1:12" ht="21.75" customHeight="1" x14ac:dyDescent="0.2">
      <c r="A731" s="5">
        <v>730</v>
      </c>
      <c r="B731" s="6" t="s">
        <v>12</v>
      </c>
      <c r="C731" s="7" t="s">
        <v>13</v>
      </c>
      <c r="D731" s="7" t="s">
        <v>1967</v>
      </c>
      <c r="E731" s="8" t="s">
        <v>1968</v>
      </c>
      <c r="F731" s="9">
        <v>0</v>
      </c>
      <c r="G731" s="5" t="s">
        <v>1965</v>
      </c>
      <c r="H731" s="7" t="s">
        <v>1969</v>
      </c>
      <c r="I731" s="10">
        <v>3021005005566</v>
      </c>
      <c r="K731" s="12">
        <v>0</v>
      </c>
      <c r="L731" s="12">
        <v>0</v>
      </c>
    </row>
    <row r="732" spans="1:12" ht="21.75" customHeight="1" x14ac:dyDescent="0.2">
      <c r="A732" s="5">
        <v>731</v>
      </c>
      <c r="B732" s="6" t="s">
        <v>12</v>
      </c>
      <c r="C732" s="7" t="s">
        <v>13</v>
      </c>
      <c r="D732" s="7" t="s">
        <v>1970</v>
      </c>
      <c r="E732" s="8" t="s">
        <v>1971</v>
      </c>
      <c r="F732" s="9">
        <v>0</v>
      </c>
      <c r="G732" s="5" t="s">
        <v>1965</v>
      </c>
      <c r="H732" s="7" t="s">
        <v>1972</v>
      </c>
      <c r="I732" s="10">
        <v>6021005005563</v>
      </c>
      <c r="K732" s="12">
        <v>0</v>
      </c>
      <c r="L732" s="12">
        <v>0</v>
      </c>
    </row>
    <row r="733" spans="1:12" ht="21.75" customHeight="1" x14ac:dyDescent="0.2">
      <c r="A733" s="5">
        <v>732</v>
      </c>
      <c r="B733" s="6" t="s">
        <v>12</v>
      </c>
      <c r="C733" s="7" t="s">
        <v>13</v>
      </c>
      <c r="D733" s="7" t="s">
        <v>1973</v>
      </c>
      <c r="E733" s="8" t="s">
        <v>1974</v>
      </c>
      <c r="F733" s="9">
        <v>0</v>
      </c>
      <c r="G733" s="5" t="s">
        <v>1965</v>
      </c>
      <c r="H733" s="7" t="s">
        <v>1975</v>
      </c>
      <c r="I733" s="10">
        <v>9021005005569</v>
      </c>
      <c r="K733" s="12">
        <v>0</v>
      </c>
      <c r="L733" s="12">
        <v>0</v>
      </c>
    </row>
    <row r="734" spans="1:12" ht="21.75" customHeight="1" x14ac:dyDescent="0.2">
      <c r="A734" s="5">
        <v>733</v>
      </c>
      <c r="B734" s="6" t="s">
        <v>12</v>
      </c>
      <c r="C734" s="7" t="s">
        <v>13</v>
      </c>
      <c r="D734" s="7" t="s">
        <v>1133</v>
      </c>
      <c r="E734" s="8" t="s">
        <v>1974</v>
      </c>
      <c r="F734" s="9">
        <v>0</v>
      </c>
      <c r="G734" s="5" t="s">
        <v>1965</v>
      </c>
      <c r="H734" s="7" t="s">
        <v>1976</v>
      </c>
      <c r="I734" s="10">
        <v>1021005005568</v>
      </c>
      <c r="K734" s="12">
        <v>0</v>
      </c>
      <c r="L734" s="12">
        <v>0</v>
      </c>
    </row>
    <row r="735" spans="1:12" ht="21.75" customHeight="1" x14ac:dyDescent="0.2">
      <c r="A735" s="5">
        <v>734</v>
      </c>
      <c r="B735" s="6" t="s">
        <v>12</v>
      </c>
      <c r="C735" s="7" t="s">
        <v>13</v>
      </c>
      <c r="D735" s="7" t="s">
        <v>1133</v>
      </c>
      <c r="E735" s="8" t="s">
        <v>1968</v>
      </c>
      <c r="F735" s="9">
        <v>0</v>
      </c>
      <c r="G735" s="5" t="s">
        <v>1965</v>
      </c>
      <c r="H735" s="7" t="s">
        <v>1977</v>
      </c>
      <c r="I735" s="10">
        <v>4021005005565</v>
      </c>
      <c r="K735" s="12">
        <v>0</v>
      </c>
      <c r="L735" s="12">
        <v>0</v>
      </c>
    </row>
    <row r="736" spans="1:12" ht="21.75" customHeight="1" x14ac:dyDescent="0.2">
      <c r="A736" s="5">
        <v>735</v>
      </c>
      <c r="B736" s="6" t="s">
        <v>12</v>
      </c>
      <c r="C736" s="7" t="s">
        <v>13</v>
      </c>
      <c r="D736" s="7" t="s">
        <v>1133</v>
      </c>
      <c r="E736" s="8" t="s">
        <v>1968</v>
      </c>
      <c r="F736" s="9">
        <v>0</v>
      </c>
      <c r="G736" s="5" t="s">
        <v>1965</v>
      </c>
      <c r="H736" s="7" t="s">
        <v>1978</v>
      </c>
      <c r="I736" s="10">
        <v>5021005005564</v>
      </c>
      <c r="K736" s="12">
        <v>0</v>
      </c>
      <c r="L736" s="12">
        <v>0</v>
      </c>
    </row>
    <row r="737" spans="1:12" ht="21.75" customHeight="1" x14ac:dyDescent="0.2">
      <c r="A737" s="5">
        <v>736</v>
      </c>
      <c r="B737" s="6" t="s">
        <v>12</v>
      </c>
      <c r="C737" s="7" t="s">
        <v>13</v>
      </c>
      <c r="D737" s="7" t="s">
        <v>1133</v>
      </c>
      <c r="E737" s="8" t="s">
        <v>1979</v>
      </c>
      <c r="F737" s="9">
        <v>0</v>
      </c>
      <c r="G737" s="5" t="s">
        <v>1965</v>
      </c>
      <c r="H737" s="7" t="s">
        <v>1980</v>
      </c>
      <c r="I737" s="10">
        <v>2021005005567</v>
      </c>
      <c r="K737" s="12">
        <v>0</v>
      </c>
      <c r="L737" s="12">
        <v>0</v>
      </c>
    </row>
    <row r="738" spans="1:12" ht="21.75" customHeight="1" x14ac:dyDescent="0.2">
      <c r="A738" s="5">
        <v>737</v>
      </c>
      <c r="B738" s="6" t="s">
        <v>12</v>
      </c>
      <c r="C738" s="7" t="s">
        <v>13</v>
      </c>
      <c r="D738" s="7" t="s">
        <v>1133</v>
      </c>
      <c r="E738" s="8" t="s">
        <v>1968</v>
      </c>
      <c r="F738" s="9">
        <v>0</v>
      </c>
      <c r="G738" s="5" t="s">
        <v>1965</v>
      </c>
      <c r="H738" s="7" t="s">
        <v>1981</v>
      </c>
      <c r="I738" s="10">
        <v>7021005005570</v>
      </c>
      <c r="K738" s="12">
        <v>0</v>
      </c>
      <c r="L738" s="12">
        <v>0</v>
      </c>
    </row>
    <row r="739" spans="1:12" ht="21.75" customHeight="1" x14ac:dyDescent="0.2">
      <c r="A739" s="5">
        <v>738</v>
      </c>
      <c r="B739" s="6" t="s">
        <v>12</v>
      </c>
      <c r="C739" s="7" t="s">
        <v>13</v>
      </c>
      <c r="D739" s="7" t="s">
        <v>1982</v>
      </c>
      <c r="E739" s="8" t="s">
        <v>1968</v>
      </c>
      <c r="F739" s="9">
        <v>0</v>
      </c>
      <c r="G739" s="5" t="s">
        <v>1965</v>
      </c>
      <c r="H739" s="7" t="s">
        <v>1983</v>
      </c>
      <c r="I739" s="10">
        <v>6021005005571</v>
      </c>
      <c r="K739" s="12">
        <v>0</v>
      </c>
      <c r="L739" s="12">
        <v>0</v>
      </c>
    </row>
    <row r="740" spans="1:12" ht="21.75" customHeight="1" x14ac:dyDescent="0.2">
      <c r="A740" s="5">
        <v>739</v>
      </c>
      <c r="B740" s="6" t="s">
        <v>12</v>
      </c>
      <c r="C740" s="7" t="s">
        <v>13</v>
      </c>
      <c r="D740" s="7" t="s">
        <v>1984</v>
      </c>
      <c r="E740" s="8" t="s">
        <v>1964</v>
      </c>
      <c r="F740" s="9">
        <v>0</v>
      </c>
      <c r="G740" s="5" t="s">
        <v>1965</v>
      </c>
      <c r="H740" s="7" t="s">
        <v>1985</v>
      </c>
      <c r="I740" s="10">
        <v>3021005005582</v>
      </c>
      <c r="K740" s="12">
        <v>0</v>
      </c>
      <c r="L740" s="12">
        <v>0</v>
      </c>
    </row>
    <row r="741" spans="1:12" ht="21.75" customHeight="1" x14ac:dyDescent="0.2">
      <c r="A741" s="5">
        <v>740</v>
      </c>
      <c r="B741" s="6" t="s">
        <v>12</v>
      </c>
      <c r="C741" s="7" t="s">
        <v>13</v>
      </c>
      <c r="D741" s="7" t="s">
        <v>1986</v>
      </c>
      <c r="E741" s="8" t="s">
        <v>1987</v>
      </c>
      <c r="F741" s="9">
        <v>0</v>
      </c>
      <c r="G741" s="5" t="s">
        <v>1965</v>
      </c>
      <c r="H741" s="7" t="s">
        <v>1988</v>
      </c>
      <c r="I741" s="10">
        <v>2021005005583</v>
      </c>
      <c r="K741" s="12">
        <v>0</v>
      </c>
      <c r="L741" s="12">
        <v>0</v>
      </c>
    </row>
    <row r="742" spans="1:12" ht="21.75" customHeight="1" x14ac:dyDescent="0.2">
      <c r="A742" s="5">
        <v>741</v>
      </c>
      <c r="B742" s="6" t="s">
        <v>12</v>
      </c>
      <c r="C742" s="7" t="s">
        <v>13</v>
      </c>
      <c r="D742" s="7" t="s">
        <v>1989</v>
      </c>
      <c r="E742" s="8" t="s">
        <v>1987</v>
      </c>
      <c r="F742" s="9">
        <v>0</v>
      </c>
      <c r="G742" s="5" t="s">
        <v>1965</v>
      </c>
      <c r="H742" s="7" t="s">
        <v>1990</v>
      </c>
      <c r="I742" s="10">
        <v>4021005005581</v>
      </c>
      <c r="K742" s="12">
        <v>0</v>
      </c>
      <c r="L742" s="12">
        <v>0</v>
      </c>
    </row>
    <row r="743" spans="1:12" ht="21.75" customHeight="1" x14ac:dyDescent="0.2">
      <c r="A743" s="5">
        <v>742</v>
      </c>
      <c r="B743" s="6" t="s">
        <v>12</v>
      </c>
      <c r="C743" s="7" t="s">
        <v>13</v>
      </c>
      <c r="D743" s="7" t="s">
        <v>1991</v>
      </c>
      <c r="E743" s="8" t="s">
        <v>1992</v>
      </c>
      <c r="F743" s="9">
        <v>0</v>
      </c>
      <c r="G743" s="5" t="s">
        <v>1965</v>
      </c>
      <c r="H743" s="7" t="s">
        <v>1993</v>
      </c>
      <c r="I743" s="10">
        <v>5021005005589</v>
      </c>
      <c r="K743" s="12">
        <v>0</v>
      </c>
      <c r="L743" s="12">
        <v>0</v>
      </c>
    </row>
    <row r="744" spans="1:12" ht="21.75" customHeight="1" x14ac:dyDescent="0.2">
      <c r="A744" s="5">
        <v>743</v>
      </c>
      <c r="B744" s="6" t="s">
        <v>12</v>
      </c>
      <c r="C744" s="7" t="s">
        <v>13</v>
      </c>
      <c r="D744" s="7" t="s">
        <v>1994</v>
      </c>
      <c r="E744" s="8" t="s">
        <v>1979</v>
      </c>
      <c r="F744" s="9">
        <v>0</v>
      </c>
      <c r="G744" s="5" t="s">
        <v>1965</v>
      </c>
      <c r="H744" s="7" t="s">
        <v>1995</v>
      </c>
      <c r="I744" s="10">
        <v>1021005005592</v>
      </c>
      <c r="K744" s="12">
        <v>0</v>
      </c>
      <c r="L744" s="12">
        <v>0</v>
      </c>
    </row>
    <row r="745" spans="1:12" ht="21.75" customHeight="1" x14ac:dyDescent="0.2">
      <c r="A745" s="5">
        <v>744</v>
      </c>
      <c r="B745" s="6" t="s">
        <v>12</v>
      </c>
      <c r="C745" s="7" t="s">
        <v>13</v>
      </c>
      <c r="D745" s="7" t="s">
        <v>1996</v>
      </c>
      <c r="E745" s="8" t="s">
        <v>1997</v>
      </c>
      <c r="F745" s="9">
        <v>0</v>
      </c>
      <c r="G745" s="5" t="s">
        <v>1965</v>
      </c>
      <c r="H745" s="7" t="s">
        <v>1998</v>
      </c>
      <c r="I745" s="10">
        <v>3021005005599</v>
      </c>
      <c r="K745" s="12">
        <v>0</v>
      </c>
      <c r="L745" s="12">
        <v>0</v>
      </c>
    </row>
    <row r="746" spans="1:12" ht="21.75" customHeight="1" x14ac:dyDescent="0.2">
      <c r="A746" s="5">
        <v>745</v>
      </c>
      <c r="B746" s="6" t="s">
        <v>12</v>
      </c>
      <c r="C746" s="7" t="s">
        <v>13</v>
      </c>
      <c r="D746" s="7" t="s">
        <v>1999</v>
      </c>
      <c r="E746" s="8" t="s">
        <v>1974</v>
      </c>
      <c r="F746" s="9">
        <v>0</v>
      </c>
      <c r="G746" s="5" t="s">
        <v>1965</v>
      </c>
      <c r="H746" s="7" t="s">
        <v>2000</v>
      </c>
      <c r="I746" s="10">
        <v>2021005005600</v>
      </c>
      <c r="K746" s="12">
        <v>0</v>
      </c>
      <c r="L746" s="12">
        <v>0</v>
      </c>
    </row>
    <row r="747" spans="1:12" ht="21.75" customHeight="1" x14ac:dyDescent="0.2">
      <c r="A747" s="5">
        <v>746</v>
      </c>
      <c r="B747" s="6" t="s">
        <v>12</v>
      </c>
      <c r="C747" s="7" t="s">
        <v>13</v>
      </c>
      <c r="D747" s="7" t="s">
        <v>47</v>
      </c>
      <c r="E747" s="8" t="s">
        <v>1968</v>
      </c>
      <c r="F747" s="9">
        <v>0</v>
      </c>
      <c r="G747" s="5" t="s">
        <v>1965</v>
      </c>
      <c r="H747" s="7" t="s">
        <v>2001</v>
      </c>
      <c r="I747" s="10">
        <v>5021005005606</v>
      </c>
      <c r="K747" s="12">
        <v>0</v>
      </c>
      <c r="L747" s="12">
        <v>0</v>
      </c>
    </row>
    <row r="748" spans="1:12" ht="21.75" customHeight="1" x14ac:dyDescent="0.2">
      <c r="A748" s="5">
        <v>747</v>
      </c>
      <c r="B748" s="6" t="s">
        <v>12</v>
      </c>
      <c r="C748" s="7" t="s">
        <v>13</v>
      </c>
      <c r="D748" s="7" t="s">
        <v>2002</v>
      </c>
      <c r="E748" s="8" t="s">
        <v>1974</v>
      </c>
      <c r="F748" s="9">
        <v>0</v>
      </c>
      <c r="G748" s="5" t="s">
        <v>1965</v>
      </c>
      <c r="H748" s="7" t="s">
        <v>2003</v>
      </c>
      <c r="I748" s="10">
        <v>3021005005590</v>
      </c>
      <c r="K748" s="12">
        <v>0</v>
      </c>
      <c r="L748" s="12">
        <v>0</v>
      </c>
    </row>
    <row r="749" spans="1:12" ht="21.75" customHeight="1" x14ac:dyDescent="0.2">
      <c r="A749" s="5">
        <v>748</v>
      </c>
      <c r="B749" s="6" t="s">
        <v>12</v>
      </c>
      <c r="C749" s="7" t="s">
        <v>13</v>
      </c>
      <c r="D749" s="7" t="s">
        <v>2004</v>
      </c>
      <c r="E749" s="8" t="s">
        <v>1974</v>
      </c>
      <c r="F749" s="9">
        <v>0</v>
      </c>
      <c r="G749" s="5" t="s">
        <v>1965</v>
      </c>
      <c r="H749" s="7" t="s">
        <v>2005</v>
      </c>
      <c r="I749" s="10">
        <v>4021005005623</v>
      </c>
      <c r="K749" s="12">
        <v>0</v>
      </c>
      <c r="L749" s="12">
        <v>0</v>
      </c>
    </row>
    <row r="750" spans="1:12" ht="21.75" customHeight="1" x14ac:dyDescent="0.2">
      <c r="A750" s="5">
        <v>749</v>
      </c>
      <c r="B750" s="6" t="s">
        <v>12</v>
      </c>
      <c r="C750" s="7" t="s">
        <v>13</v>
      </c>
      <c r="D750" s="7" t="s">
        <v>2006</v>
      </c>
      <c r="E750" s="8" t="s">
        <v>1987</v>
      </c>
      <c r="F750" s="9">
        <v>0</v>
      </c>
      <c r="G750" s="5" t="s">
        <v>1965</v>
      </c>
      <c r="H750" s="7" t="s">
        <v>2007</v>
      </c>
      <c r="I750" s="10">
        <v>1021005005634</v>
      </c>
      <c r="K750" s="12">
        <v>0</v>
      </c>
      <c r="L750" s="12">
        <v>0</v>
      </c>
    </row>
    <row r="751" spans="1:12" ht="21.75" customHeight="1" x14ac:dyDescent="0.2">
      <c r="A751" s="5">
        <v>750</v>
      </c>
      <c r="B751" s="6" t="s">
        <v>12</v>
      </c>
      <c r="C751" s="7" t="s">
        <v>13</v>
      </c>
      <c r="D751" s="7" t="s">
        <v>2008</v>
      </c>
      <c r="E751" s="8" t="s">
        <v>1997</v>
      </c>
      <c r="F751" s="9">
        <v>0</v>
      </c>
      <c r="G751" s="5" t="s">
        <v>1965</v>
      </c>
      <c r="H751" s="7" t="s">
        <v>2009</v>
      </c>
      <c r="I751" s="10">
        <v>1021005005865</v>
      </c>
      <c r="K751" s="12">
        <v>0</v>
      </c>
      <c r="L751" s="12">
        <v>0</v>
      </c>
    </row>
    <row r="752" spans="1:12" ht="21.75" customHeight="1" x14ac:dyDescent="0.2">
      <c r="A752" s="5">
        <v>751</v>
      </c>
      <c r="B752" s="6" t="s">
        <v>12</v>
      </c>
      <c r="C752" s="7" t="s">
        <v>13</v>
      </c>
      <c r="D752" s="7" t="s">
        <v>1649</v>
      </c>
      <c r="E752" s="8" t="s">
        <v>1987</v>
      </c>
      <c r="F752" s="9">
        <v>0</v>
      </c>
      <c r="G752" s="5" t="s">
        <v>1965</v>
      </c>
      <c r="H752" s="7" t="s">
        <v>2010</v>
      </c>
      <c r="I752" s="10">
        <v>9021005005635</v>
      </c>
      <c r="K752" s="12">
        <v>0</v>
      </c>
      <c r="L752" s="12">
        <v>0</v>
      </c>
    </row>
    <row r="753" spans="1:12" ht="21.75" customHeight="1" x14ac:dyDescent="0.2">
      <c r="A753" s="5">
        <v>752</v>
      </c>
      <c r="B753" s="6" t="s">
        <v>12</v>
      </c>
      <c r="C753" s="7" t="s">
        <v>13</v>
      </c>
      <c r="D753" s="7" t="s">
        <v>57</v>
      </c>
      <c r="E753" s="8" t="s">
        <v>1964</v>
      </c>
      <c r="F753" s="9">
        <v>0</v>
      </c>
      <c r="G753" s="5" t="s">
        <v>1965</v>
      </c>
      <c r="H753" s="7" t="s">
        <v>2011</v>
      </c>
      <c r="I753" s="10">
        <v>9021005005651</v>
      </c>
      <c r="K753" s="12">
        <v>0</v>
      </c>
      <c r="L753" s="12">
        <v>0</v>
      </c>
    </row>
    <row r="754" spans="1:12" ht="21.75" customHeight="1" x14ac:dyDescent="0.2">
      <c r="A754" s="5">
        <v>753</v>
      </c>
      <c r="B754" s="6" t="s">
        <v>12</v>
      </c>
      <c r="C754" s="7" t="s">
        <v>13</v>
      </c>
      <c r="D754" s="7" t="s">
        <v>732</v>
      </c>
      <c r="E754" s="8" t="s">
        <v>1992</v>
      </c>
      <c r="F754" s="9">
        <v>0</v>
      </c>
      <c r="G754" s="5" t="s">
        <v>1965</v>
      </c>
      <c r="H754" s="7" t="s">
        <v>2012</v>
      </c>
      <c r="I754" s="10">
        <v>8021005005652</v>
      </c>
      <c r="K754" s="12">
        <v>0</v>
      </c>
      <c r="L754" s="12">
        <v>0</v>
      </c>
    </row>
    <row r="755" spans="1:12" ht="21.75" customHeight="1" x14ac:dyDescent="0.2">
      <c r="A755" s="5">
        <v>754</v>
      </c>
      <c r="B755" s="6" t="s">
        <v>12</v>
      </c>
      <c r="C755" s="7" t="s">
        <v>13</v>
      </c>
      <c r="D755" s="7" t="s">
        <v>2013</v>
      </c>
      <c r="E755" s="8" t="s">
        <v>2014</v>
      </c>
      <c r="F755" s="9">
        <v>0</v>
      </c>
      <c r="G755" s="5" t="s">
        <v>1965</v>
      </c>
      <c r="H755" s="7" t="s">
        <v>2015</v>
      </c>
      <c r="I755" s="10">
        <v>4021005005664</v>
      </c>
      <c r="K755" s="12">
        <v>0</v>
      </c>
      <c r="L755" s="12">
        <v>0</v>
      </c>
    </row>
    <row r="756" spans="1:12" ht="21.75" customHeight="1" x14ac:dyDescent="0.2">
      <c r="A756" s="5">
        <v>755</v>
      </c>
      <c r="B756" s="6" t="s">
        <v>12</v>
      </c>
      <c r="C756" s="7" t="s">
        <v>13</v>
      </c>
      <c r="D756" s="7" t="s">
        <v>69</v>
      </c>
      <c r="E756" s="8" t="s">
        <v>1974</v>
      </c>
      <c r="F756" s="9">
        <v>0</v>
      </c>
      <c r="G756" s="5" t="s">
        <v>1965</v>
      </c>
      <c r="H756" s="7" t="s">
        <v>2016</v>
      </c>
      <c r="I756" s="10">
        <v>3021005005665</v>
      </c>
      <c r="K756" s="12">
        <v>0</v>
      </c>
      <c r="L756" s="12">
        <v>0</v>
      </c>
    </row>
    <row r="757" spans="1:12" ht="21.75" customHeight="1" x14ac:dyDescent="0.2">
      <c r="A757" s="5">
        <v>756</v>
      </c>
      <c r="B757" s="6" t="s">
        <v>12</v>
      </c>
      <c r="C757" s="7" t="s">
        <v>13</v>
      </c>
      <c r="D757" s="7" t="s">
        <v>76</v>
      </c>
      <c r="E757" s="8" t="s">
        <v>1992</v>
      </c>
      <c r="F757" s="9">
        <v>0</v>
      </c>
      <c r="G757" s="5" t="s">
        <v>1965</v>
      </c>
      <c r="H757" s="7" t="s">
        <v>2017</v>
      </c>
      <c r="I757" s="10">
        <v>3021005005558</v>
      </c>
      <c r="K757" s="12">
        <v>0</v>
      </c>
      <c r="L757" s="12">
        <v>0</v>
      </c>
    </row>
    <row r="758" spans="1:12" ht="21.75" customHeight="1" x14ac:dyDescent="0.2">
      <c r="A758" s="5">
        <v>757</v>
      </c>
      <c r="B758" s="6" t="s">
        <v>12</v>
      </c>
      <c r="C758" s="7" t="s">
        <v>13</v>
      </c>
      <c r="D758" s="7" t="s">
        <v>76</v>
      </c>
      <c r="E758" s="8" t="s">
        <v>1964</v>
      </c>
      <c r="F758" s="9">
        <v>0</v>
      </c>
      <c r="G758" s="5" t="s">
        <v>1965</v>
      </c>
      <c r="H758" s="7" t="s">
        <v>2018</v>
      </c>
      <c r="I758" s="10">
        <v>8021005005561</v>
      </c>
      <c r="K758" s="12">
        <v>0</v>
      </c>
      <c r="L758" s="12">
        <v>0</v>
      </c>
    </row>
    <row r="759" spans="1:12" ht="21.75" customHeight="1" x14ac:dyDescent="0.2">
      <c r="A759" s="5">
        <v>758</v>
      </c>
      <c r="B759" s="6" t="s">
        <v>12</v>
      </c>
      <c r="C759" s="7" t="s">
        <v>13</v>
      </c>
      <c r="D759" s="7" t="s">
        <v>2019</v>
      </c>
      <c r="E759" s="8" t="s">
        <v>1992</v>
      </c>
      <c r="F759" s="9">
        <v>0</v>
      </c>
      <c r="G759" s="5" t="s">
        <v>1965</v>
      </c>
      <c r="H759" s="7" t="s">
        <v>2020</v>
      </c>
      <c r="I759" s="10">
        <v>6021005005679</v>
      </c>
      <c r="K759" s="12">
        <v>0</v>
      </c>
      <c r="L759" s="12">
        <v>0</v>
      </c>
    </row>
    <row r="760" spans="1:12" ht="21.75" customHeight="1" x14ac:dyDescent="0.2">
      <c r="A760" s="5">
        <v>759</v>
      </c>
      <c r="B760" s="6" t="s">
        <v>12</v>
      </c>
      <c r="C760" s="7" t="s">
        <v>13</v>
      </c>
      <c r="D760" s="7" t="s">
        <v>2021</v>
      </c>
      <c r="E760" s="8" t="s">
        <v>1974</v>
      </c>
      <c r="F760" s="9">
        <v>0</v>
      </c>
      <c r="G760" s="5" t="s">
        <v>1965</v>
      </c>
      <c r="H760" s="7" t="s">
        <v>2022</v>
      </c>
      <c r="I760" s="10">
        <v>2021005005690</v>
      </c>
      <c r="K760" s="12">
        <v>0</v>
      </c>
      <c r="L760" s="12">
        <v>0</v>
      </c>
    </row>
    <row r="761" spans="1:12" ht="21.75" customHeight="1" x14ac:dyDescent="0.2">
      <c r="A761" s="5">
        <v>760</v>
      </c>
      <c r="B761" s="6" t="s">
        <v>12</v>
      </c>
      <c r="C761" s="7" t="s">
        <v>13</v>
      </c>
      <c r="D761" s="7" t="s">
        <v>2023</v>
      </c>
      <c r="E761" s="8" t="s">
        <v>1964</v>
      </c>
      <c r="F761" s="9">
        <v>0</v>
      </c>
      <c r="G761" s="5" t="s">
        <v>1965</v>
      </c>
      <c r="H761" s="7" t="s">
        <v>2024</v>
      </c>
      <c r="I761" s="10">
        <v>8021005005702</v>
      </c>
      <c r="K761" s="12">
        <v>0</v>
      </c>
      <c r="L761" s="12">
        <v>0</v>
      </c>
    </row>
    <row r="762" spans="1:12" ht="21.75" customHeight="1" x14ac:dyDescent="0.2">
      <c r="A762" s="5">
        <v>761</v>
      </c>
      <c r="B762" s="6" t="s">
        <v>12</v>
      </c>
      <c r="C762" s="7" t="s">
        <v>13</v>
      </c>
      <c r="D762" s="7" t="s">
        <v>2025</v>
      </c>
      <c r="E762" s="8" t="s">
        <v>1992</v>
      </c>
      <c r="F762" s="9">
        <v>0</v>
      </c>
      <c r="G762" s="5" t="s">
        <v>1965</v>
      </c>
      <c r="H762" s="7" t="s">
        <v>2026</v>
      </c>
      <c r="I762" s="10">
        <v>4021005005706</v>
      </c>
      <c r="K762" s="12">
        <v>0</v>
      </c>
      <c r="L762" s="12">
        <v>0</v>
      </c>
    </row>
    <row r="763" spans="1:12" ht="21.75" customHeight="1" x14ac:dyDescent="0.2">
      <c r="A763" s="5">
        <v>762</v>
      </c>
      <c r="B763" s="6" t="s">
        <v>12</v>
      </c>
      <c r="C763" s="7" t="s">
        <v>13</v>
      </c>
      <c r="D763" s="7" t="s">
        <v>2027</v>
      </c>
      <c r="E763" s="8" t="s">
        <v>1987</v>
      </c>
      <c r="F763" s="9">
        <v>0</v>
      </c>
      <c r="G763" s="5" t="s">
        <v>1965</v>
      </c>
      <c r="H763" s="7" t="s">
        <v>2028</v>
      </c>
      <c r="I763" s="10">
        <v>1021005005717</v>
      </c>
      <c r="K763" s="12">
        <v>0</v>
      </c>
      <c r="L763" s="12">
        <v>0</v>
      </c>
    </row>
    <row r="764" spans="1:12" ht="21.75" customHeight="1" x14ac:dyDescent="0.2">
      <c r="A764" s="5">
        <v>763</v>
      </c>
      <c r="B764" s="6" t="s">
        <v>12</v>
      </c>
      <c r="C764" s="7" t="s">
        <v>13</v>
      </c>
      <c r="D764" s="7" t="s">
        <v>88</v>
      </c>
      <c r="E764" s="8" t="s">
        <v>1987</v>
      </c>
      <c r="F764" s="9">
        <v>0</v>
      </c>
      <c r="G764" s="5" t="s">
        <v>1965</v>
      </c>
      <c r="H764" s="7" t="s">
        <v>2029</v>
      </c>
      <c r="I764" s="10">
        <v>9021005005718</v>
      </c>
      <c r="K764" s="12">
        <v>0</v>
      </c>
      <c r="L764" s="12">
        <v>0</v>
      </c>
    </row>
    <row r="765" spans="1:12" ht="21.75" customHeight="1" x14ac:dyDescent="0.2">
      <c r="A765" s="5">
        <v>764</v>
      </c>
      <c r="B765" s="6" t="s">
        <v>12</v>
      </c>
      <c r="C765" s="7" t="s">
        <v>13</v>
      </c>
      <c r="D765" s="7" t="s">
        <v>1673</v>
      </c>
      <c r="E765" s="8" t="s">
        <v>1997</v>
      </c>
      <c r="F765" s="9">
        <v>0</v>
      </c>
      <c r="G765" s="5" t="s">
        <v>1965</v>
      </c>
      <c r="H765" s="7" t="s">
        <v>2030</v>
      </c>
      <c r="I765" s="10">
        <v>5021005005804</v>
      </c>
      <c r="K765" s="12">
        <v>0</v>
      </c>
      <c r="L765" s="12">
        <v>0</v>
      </c>
    </row>
    <row r="766" spans="1:12" ht="21.75" customHeight="1" x14ac:dyDescent="0.2">
      <c r="A766" s="5">
        <v>765</v>
      </c>
      <c r="B766" s="6" t="s">
        <v>12</v>
      </c>
      <c r="C766" s="7" t="s">
        <v>13</v>
      </c>
      <c r="D766" s="7" t="s">
        <v>1673</v>
      </c>
      <c r="E766" s="8" t="s">
        <v>1974</v>
      </c>
      <c r="F766" s="9">
        <v>0</v>
      </c>
      <c r="G766" s="5" t="s">
        <v>1965</v>
      </c>
      <c r="H766" s="7" t="s">
        <v>2031</v>
      </c>
      <c r="I766" s="10">
        <v>4021005005805</v>
      </c>
      <c r="K766" s="12">
        <v>0</v>
      </c>
      <c r="L766" s="12">
        <v>0</v>
      </c>
    </row>
    <row r="767" spans="1:12" ht="21.75" customHeight="1" x14ac:dyDescent="0.2">
      <c r="A767" s="5">
        <v>766</v>
      </c>
      <c r="B767" s="6" t="s">
        <v>12</v>
      </c>
      <c r="C767" s="7" t="s">
        <v>13</v>
      </c>
      <c r="D767" s="7" t="s">
        <v>1170</v>
      </c>
      <c r="E767" s="8" t="s">
        <v>1968</v>
      </c>
      <c r="F767" s="9">
        <v>0</v>
      </c>
      <c r="G767" s="5" t="s">
        <v>1965</v>
      </c>
      <c r="H767" s="7" t="s">
        <v>2032</v>
      </c>
      <c r="I767" s="10">
        <v>9021005005817</v>
      </c>
      <c r="K767" s="12">
        <v>0</v>
      </c>
      <c r="L767" s="12">
        <v>0</v>
      </c>
    </row>
    <row r="768" spans="1:12" ht="21.75" customHeight="1" x14ac:dyDescent="0.2">
      <c r="A768" s="5">
        <v>767</v>
      </c>
      <c r="B768" s="6" t="s">
        <v>12</v>
      </c>
      <c r="C768" s="7" t="s">
        <v>13</v>
      </c>
      <c r="D768" s="7" t="s">
        <v>100</v>
      </c>
      <c r="E768" s="8" t="s">
        <v>1992</v>
      </c>
      <c r="F768" s="9">
        <v>0</v>
      </c>
      <c r="G768" s="5" t="s">
        <v>1965</v>
      </c>
      <c r="H768" s="7" t="s">
        <v>2033</v>
      </c>
      <c r="I768" s="10">
        <v>6021005005811</v>
      </c>
      <c r="K768" s="12">
        <v>0</v>
      </c>
      <c r="L768" s="12">
        <v>0</v>
      </c>
    </row>
    <row r="769" spans="1:12" ht="21.75" customHeight="1" x14ac:dyDescent="0.2">
      <c r="A769" s="5">
        <v>768</v>
      </c>
      <c r="B769" s="6" t="s">
        <v>12</v>
      </c>
      <c r="C769" s="7" t="s">
        <v>13</v>
      </c>
      <c r="D769" s="7" t="s">
        <v>100</v>
      </c>
      <c r="E769" s="8" t="s">
        <v>2014</v>
      </c>
      <c r="F769" s="9">
        <v>0</v>
      </c>
      <c r="G769" s="5" t="s">
        <v>1965</v>
      </c>
      <c r="H769" s="7" t="s">
        <v>2034</v>
      </c>
      <c r="I769" s="10">
        <v>9021005005809</v>
      </c>
      <c r="K769" s="12">
        <v>0</v>
      </c>
      <c r="L769" s="12">
        <v>0</v>
      </c>
    </row>
    <row r="770" spans="1:12" ht="21.75" customHeight="1" x14ac:dyDescent="0.2">
      <c r="A770" s="5">
        <v>769</v>
      </c>
      <c r="B770" s="6" t="s">
        <v>12</v>
      </c>
      <c r="C770" s="7" t="s">
        <v>13</v>
      </c>
      <c r="D770" s="7" t="s">
        <v>100</v>
      </c>
      <c r="E770" s="8" t="s">
        <v>2014</v>
      </c>
      <c r="F770" s="9">
        <v>0</v>
      </c>
      <c r="G770" s="5" t="s">
        <v>1965</v>
      </c>
      <c r="H770" s="7" t="s">
        <v>2035</v>
      </c>
      <c r="I770" s="10">
        <v>1021005005808</v>
      </c>
      <c r="K770" s="12">
        <v>0</v>
      </c>
      <c r="L770" s="12">
        <v>0</v>
      </c>
    </row>
    <row r="771" spans="1:12" ht="21.75" customHeight="1" x14ac:dyDescent="0.2">
      <c r="A771" s="5">
        <v>770</v>
      </c>
      <c r="B771" s="6" t="s">
        <v>12</v>
      </c>
      <c r="C771" s="7" t="s">
        <v>13</v>
      </c>
      <c r="D771" s="7" t="s">
        <v>100</v>
      </c>
      <c r="E771" s="8" t="s">
        <v>1997</v>
      </c>
      <c r="F771" s="9">
        <v>0</v>
      </c>
      <c r="G771" s="5" t="s">
        <v>1965</v>
      </c>
      <c r="H771" s="7" t="s">
        <v>2036</v>
      </c>
      <c r="I771" s="10">
        <v>2021005005807</v>
      </c>
      <c r="K771" s="12">
        <v>0</v>
      </c>
      <c r="L771" s="12">
        <v>0</v>
      </c>
    </row>
    <row r="772" spans="1:12" ht="21.75" customHeight="1" x14ac:dyDescent="0.2">
      <c r="A772" s="5">
        <v>771</v>
      </c>
      <c r="B772" s="6" t="s">
        <v>12</v>
      </c>
      <c r="C772" s="7" t="s">
        <v>13</v>
      </c>
      <c r="D772" s="7" t="s">
        <v>100</v>
      </c>
      <c r="E772" s="8" t="s">
        <v>1987</v>
      </c>
      <c r="F772" s="9">
        <v>0</v>
      </c>
      <c r="G772" s="5" t="s">
        <v>1965</v>
      </c>
      <c r="H772" s="7" t="s">
        <v>2037</v>
      </c>
      <c r="I772" s="10">
        <v>3021005005806</v>
      </c>
      <c r="K772" s="12">
        <v>0</v>
      </c>
      <c r="L772" s="12">
        <v>0</v>
      </c>
    </row>
    <row r="773" spans="1:12" ht="21.75" customHeight="1" x14ac:dyDescent="0.2">
      <c r="A773" s="5">
        <v>772</v>
      </c>
      <c r="B773" s="6" t="s">
        <v>12</v>
      </c>
      <c r="C773" s="7" t="s">
        <v>13</v>
      </c>
      <c r="D773" s="7" t="s">
        <v>100</v>
      </c>
      <c r="E773" s="8" t="s">
        <v>1992</v>
      </c>
      <c r="F773" s="9">
        <v>0</v>
      </c>
      <c r="G773" s="5" t="s">
        <v>1965</v>
      </c>
      <c r="H773" s="7" t="s">
        <v>2038</v>
      </c>
      <c r="I773" s="10">
        <v>5021005005812</v>
      </c>
      <c r="K773" s="12">
        <v>0</v>
      </c>
      <c r="L773" s="12">
        <v>0</v>
      </c>
    </row>
    <row r="774" spans="1:12" ht="21.75" customHeight="1" x14ac:dyDescent="0.2">
      <c r="A774" s="5">
        <v>773</v>
      </c>
      <c r="B774" s="6" t="s">
        <v>12</v>
      </c>
      <c r="C774" s="7" t="s">
        <v>13</v>
      </c>
      <c r="D774" s="7" t="s">
        <v>100</v>
      </c>
      <c r="E774" s="8" t="s">
        <v>1968</v>
      </c>
      <c r="F774" s="9">
        <v>0</v>
      </c>
      <c r="G774" s="5" t="s">
        <v>1965</v>
      </c>
      <c r="H774" s="7" t="s">
        <v>2039</v>
      </c>
      <c r="I774" s="10">
        <v>1021005005816</v>
      </c>
      <c r="K774" s="12">
        <v>0</v>
      </c>
      <c r="L774" s="12">
        <v>0</v>
      </c>
    </row>
    <row r="775" spans="1:12" ht="21.75" customHeight="1" x14ac:dyDescent="0.2">
      <c r="A775" s="5">
        <v>774</v>
      </c>
      <c r="B775" s="6" t="s">
        <v>12</v>
      </c>
      <c r="C775" s="7" t="s">
        <v>13</v>
      </c>
      <c r="D775" s="7" t="s">
        <v>100</v>
      </c>
      <c r="E775" s="8" t="s">
        <v>1968</v>
      </c>
      <c r="F775" s="9">
        <v>0</v>
      </c>
      <c r="G775" s="5" t="s">
        <v>1965</v>
      </c>
      <c r="H775" s="7" t="s">
        <v>2040</v>
      </c>
      <c r="I775" s="10">
        <v>2021005005815</v>
      </c>
      <c r="K775" s="12">
        <v>0</v>
      </c>
      <c r="L775" s="12">
        <v>0</v>
      </c>
    </row>
    <row r="776" spans="1:12" ht="21.75" customHeight="1" x14ac:dyDescent="0.2">
      <c r="A776" s="5">
        <v>775</v>
      </c>
      <c r="B776" s="6" t="s">
        <v>12</v>
      </c>
      <c r="C776" s="7" t="s">
        <v>13</v>
      </c>
      <c r="D776" s="7" t="s">
        <v>100</v>
      </c>
      <c r="E776" s="8" t="s">
        <v>1968</v>
      </c>
      <c r="F776" s="9">
        <v>0</v>
      </c>
      <c r="G776" s="5" t="s">
        <v>1965</v>
      </c>
      <c r="H776" s="7" t="s">
        <v>2041</v>
      </c>
      <c r="I776" s="10">
        <v>3021005005814</v>
      </c>
      <c r="K776" s="12">
        <v>0</v>
      </c>
      <c r="L776" s="12">
        <v>0</v>
      </c>
    </row>
    <row r="777" spans="1:12" ht="21.75" customHeight="1" x14ac:dyDescent="0.2">
      <c r="A777" s="5">
        <v>776</v>
      </c>
      <c r="B777" s="6" t="s">
        <v>12</v>
      </c>
      <c r="C777" s="7" t="s">
        <v>13</v>
      </c>
      <c r="D777" s="7" t="s">
        <v>100</v>
      </c>
      <c r="E777" s="8" t="s">
        <v>1997</v>
      </c>
      <c r="F777" s="9">
        <v>0</v>
      </c>
      <c r="G777" s="5" t="s">
        <v>1965</v>
      </c>
      <c r="H777" s="7" t="s">
        <v>2042</v>
      </c>
      <c r="I777" s="10">
        <v>4021005005813</v>
      </c>
      <c r="K777" s="12">
        <v>0</v>
      </c>
      <c r="L777" s="12">
        <v>0</v>
      </c>
    </row>
    <row r="778" spans="1:12" ht="21.75" customHeight="1" x14ac:dyDescent="0.2">
      <c r="A778" s="5">
        <v>777</v>
      </c>
      <c r="B778" s="6" t="s">
        <v>12</v>
      </c>
      <c r="C778" s="7" t="s">
        <v>13</v>
      </c>
      <c r="D778" s="7" t="s">
        <v>100</v>
      </c>
      <c r="E778" s="8" t="s">
        <v>1987</v>
      </c>
      <c r="F778" s="9">
        <v>0</v>
      </c>
      <c r="G778" s="5" t="s">
        <v>1965</v>
      </c>
      <c r="H778" s="7" t="s">
        <v>2043</v>
      </c>
      <c r="I778" s="10">
        <v>7021005005810</v>
      </c>
      <c r="K778" s="12">
        <v>0</v>
      </c>
      <c r="L778" s="12">
        <v>0</v>
      </c>
    </row>
    <row r="779" spans="1:12" ht="21.75" customHeight="1" x14ac:dyDescent="0.2">
      <c r="A779" s="5">
        <v>778</v>
      </c>
      <c r="B779" s="6" t="s">
        <v>12</v>
      </c>
      <c r="C779" s="7" t="s">
        <v>13</v>
      </c>
      <c r="D779" s="7" t="s">
        <v>100</v>
      </c>
      <c r="E779" s="8" t="s">
        <v>2014</v>
      </c>
      <c r="F779" s="9">
        <v>0</v>
      </c>
      <c r="G779" s="5" t="s">
        <v>1965</v>
      </c>
      <c r="H779" s="7" t="s">
        <v>2044</v>
      </c>
      <c r="I779" s="10">
        <v>8021005005818</v>
      </c>
      <c r="K779" s="12">
        <v>0</v>
      </c>
      <c r="L779" s="12">
        <v>0</v>
      </c>
    </row>
    <row r="780" spans="1:12" ht="21.75" customHeight="1" x14ac:dyDescent="0.2">
      <c r="A780" s="5">
        <v>779</v>
      </c>
      <c r="B780" s="6" t="s">
        <v>12</v>
      </c>
      <c r="C780" s="7" t="s">
        <v>13</v>
      </c>
      <c r="D780" s="7" t="s">
        <v>753</v>
      </c>
      <c r="E780" s="8" t="s">
        <v>1968</v>
      </c>
      <c r="F780" s="9">
        <v>0</v>
      </c>
      <c r="G780" s="5" t="s">
        <v>1965</v>
      </c>
      <c r="H780" s="7" t="s">
        <v>2045</v>
      </c>
      <c r="I780" s="10">
        <v>7021005005819</v>
      </c>
      <c r="K780" s="12">
        <v>0</v>
      </c>
      <c r="L780" s="12">
        <v>0</v>
      </c>
    </row>
    <row r="781" spans="1:12" ht="21.75" customHeight="1" x14ac:dyDescent="0.2">
      <c r="A781" s="5">
        <v>780</v>
      </c>
      <c r="B781" s="6" t="s">
        <v>12</v>
      </c>
      <c r="C781" s="7" t="s">
        <v>13</v>
      </c>
      <c r="D781" s="7" t="s">
        <v>753</v>
      </c>
      <c r="E781" s="8" t="s">
        <v>1979</v>
      </c>
      <c r="F781" s="9">
        <v>0</v>
      </c>
      <c r="G781" s="5" t="s">
        <v>1965</v>
      </c>
      <c r="H781" s="7" t="s">
        <v>2046</v>
      </c>
      <c r="I781" s="10">
        <v>5021005005820</v>
      </c>
      <c r="K781" s="12">
        <v>0</v>
      </c>
      <c r="L781" s="12">
        <v>0</v>
      </c>
    </row>
    <row r="782" spans="1:12" ht="21.75" customHeight="1" x14ac:dyDescent="0.2">
      <c r="A782" s="5">
        <v>781</v>
      </c>
      <c r="B782" s="6" t="s">
        <v>12</v>
      </c>
      <c r="C782" s="7" t="s">
        <v>13</v>
      </c>
      <c r="D782" s="7" t="s">
        <v>2047</v>
      </c>
      <c r="E782" s="8" t="s">
        <v>2048</v>
      </c>
      <c r="F782" s="9">
        <v>0</v>
      </c>
      <c r="G782" s="5" t="s">
        <v>1965</v>
      </c>
      <c r="H782" s="7" t="s">
        <v>2049</v>
      </c>
      <c r="I782" s="10">
        <v>8021005005842</v>
      </c>
      <c r="K782" s="12">
        <v>0</v>
      </c>
      <c r="L782" s="12">
        <v>0</v>
      </c>
    </row>
    <row r="783" spans="1:12" ht="21.75" customHeight="1" x14ac:dyDescent="0.2">
      <c r="A783" s="5">
        <v>782</v>
      </c>
      <c r="B783" s="6" t="s">
        <v>12</v>
      </c>
      <c r="C783" s="7" t="s">
        <v>13</v>
      </c>
      <c r="D783" s="7" t="s">
        <v>2050</v>
      </c>
      <c r="E783" s="8" t="s">
        <v>1987</v>
      </c>
      <c r="F783" s="9">
        <v>0</v>
      </c>
      <c r="G783" s="5" t="s">
        <v>1965</v>
      </c>
      <c r="H783" s="7" t="s">
        <v>2051</v>
      </c>
      <c r="I783" s="10">
        <v>7021005005851</v>
      </c>
      <c r="K783" s="12">
        <v>0</v>
      </c>
      <c r="L783" s="12">
        <v>0</v>
      </c>
    </row>
    <row r="784" spans="1:12" ht="21.75" customHeight="1" x14ac:dyDescent="0.2">
      <c r="A784" s="5">
        <v>783</v>
      </c>
      <c r="B784" s="6" t="s">
        <v>12</v>
      </c>
      <c r="C784" s="7" t="s">
        <v>13</v>
      </c>
      <c r="D784" s="7" t="s">
        <v>762</v>
      </c>
      <c r="E784" s="8" t="s">
        <v>1992</v>
      </c>
      <c r="F784" s="9">
        <v>0</v>
      </c>
      <c r="G784" s="5" t="s">
        <v>1965</v>
      </c>
      <c r="H784" s="7" t="s">
        <v>2052</v>
      </c>
      <c r="I784" s="10">
        <v>5021005005861</v>
      </c>
      <c r="K784" s="12">
        <v>0</v>
      </c>
      <c r="L784" s="12">
        <v>0</v>
      </c>
    </row>
    <row r="785" spans="1:12" ht="21.75" customHeight="1" x14ac:dyDescent="0.2">
      <c r="A785" s="5">
        <v>784</v>
      </c>
      <c r="B785" s="6" t="s">
        <v>12</v>
      </c>
      <c r="C785" s="7" t="s">
        <v>13</v>
      </c>
      <c r="D785" s="7" t="s">
        <v>762</v>
      </c>
      <c r="E785" s="8" t="s">
        <v>1992</v>
      </c>
      <c r="F785" s="9">
        <v>0</v>
      </c>
      <c r="G785" s="5" t="s">
        <v>1965</v>
      </c>
      <c r="H785" s="7" t="s">
        <v>2053</v>
      </c>
      <c r="I785" s="10">
        <v>4021005005862</v>
      </c>
      <c r="K785" s="12">
        <v>0</v>
      </c>
      <c r="L785" s="12">
        <v>0</v>
      </c>
    </row>
    <row r="786" spans="1:12" ht="21.75" customHeight="1" x14ac:dyDescent="0.2">
      <c r="A786" s="5">
        <v>785</v>
      </c>
      <c r="B786" s="6" t="s">
        <v>12</v>
      </c>
      <c r="C786" s="7" t="s">
        <v>13</v>
      </c>
      <c r="D786" s="7" t="s">
        <v>762</v>
      </c>
      <c r="E786" s="8" t="s">
        <v>2014</v>
      </c>
      <c r="F786" s="9">
        <v>0</v>
      </c>
      <c r="G786" s="5" t="s">
        <v>1965</v>
      </c>
      <c r="H786" s="7" t="s">
        <v>2054</v>
      </c>
      <c r="I786" s="10">
        <v>6021005005860</v>
      </c>
      <c r="K786" s="12">
        <v>0</v>
      </c>
      <c r="L786" s="12">
        <v>0</v>
      </c>
    </row>
    <row r="787" spans="1:12" ht="21.75" customHeight="1" x14ac:dyDescent="0.2">
      <c r="A787" s="5">
        <v>786</v>
      </c>
      <c r="B787" s="6" t="s">
        <v>12</v>
      </c>
      <c r="C787" s="7" t="s">
        <v>13</v>
      </c>
      <c r="D787" s="7" t="s">
        <v>2055</v>
      </c>
      <c r="E787" s="8" t="s">
        <v>1992</v>
      </c>
      <c r="F787" s="9">
        <v>0</v>
      </c>
      <c r="G787" s="5" t="s">
        <v>1965</v>
      </c>
      <c r="H787" s="7" t="s">
        <v>2056</v>
      </c>
      <c r="I787" s="10">
        <v>6021005005869</v>
      </c>
      <c r="K787" s="12">
        <v>0</v>
      </c>
      <c r="L787" s="12">
        <v>0</v>
      </c>
    </row>
    <row r="788" spans="1:12" ht="21.75" customHeight="1" x14ac:dyDescent="0.2">
      <c r="A788" s="5">
        <v>787</v>
      </c>
      <c r="B788" s="6" t="s">
        <v>12</v>
      </c>
      <c r="C788" s="7" t="s">
        <v>13</v>
      </c>
      <c r="D788" s="7" t="s">
        <v>2057</v>
      </c>
      <c r="E788" s="8" t="s">
        <v>1974</v>
      </c>
      <c r="F788" s="9">
        <v>0</v>
      </c>
      <c r="G788" s="5" t="s">
        <v>1965</v>
      </c>
      <c r="H788" s="7" t="s">
        <v>2058</v>
      </c>
      <c r="I788" s="10">
        <v>9021005005882</v>
      </c>
      <c r="K788" s="12">
        <v>0</v>
      </c>
      <c r="L788" s="12">
        <v>0</v>
      </c>
    </row>
    <row r="789" spans="1:12" ht="21.75" customHeight="1" x14ac:dyDescent="0.2">
      <c r="A789" s="5">
        <v>788</v>
      </c>
      <c r="B789" s="6" t="s">
        <v>12</v>
      </c>
      <c r="C789" s="7" t="s">
        <v>2059</v>
      </c>
      <c r="D789" s="7" t="s">
        <v>2060</v>
      </c>
      <c r="E789" s="8" t="s">
        <v>2061</v>
      </c>
      <c r="F789" s="9">
        <v>0</v>
      </c>
      <c r="G789" s="5" t="s">
        <v>1965</v>
      </c>
      <c r="H789" s="7" t="s">
        <v>2062</v>
      </c>
      <c r="I789" s="10">
        <v>4021005005821</v>
      </c>
      <c r="K789" s="12">
        <v>0</v>
      </c>
      <c r="L789" s="12">
        <v>0</v>
      </c>
    </row>
    <row r="790" spans="1:12" ht="21.75" customHeight="1" x14ac:dyDescent="0.2">
      <c r="A790" s="5">
        <v>789</v>
      </c>
      <c r="B790" s="6" t="s">
        <v>12</v>
      </c>
      <c r="C790" s="7" t="s">
        <v>2063</v>
      </c>
      <c r="D790" s="7" t="s">
        <v>2064</v>
      </c>
      <c r="E790" s="8" t="s">
        <v>2065</v>
      </c>
      <c r="F790" s="9">
        <v>0</v>
      </c>
      <c r="G790" s="5" t="s">
        <v>1965</v>
      </c>
      <c r="H790" s="7" t="s">
        <v>2066</v>
      </c>
      <c r="I790" s="10">
        <v>9021005005585</v>
      </c>
      <c r="K790" s="12">
        <v>0</v>
      </c>
      <c r="L790" s="12">
        <v>0</v>
      </c>
    </row>
    <row r="791" spans="1:12" ht="21.75" customHeight="1" x14ac:dyDescent="0.2">
      <c r="A791" s="5">
        <v>790</v>
      </c>
      <c r="B791" s="6" t="s">
        <v>12</v>
      </c>
      <c r="C791" s="7" t="s">
        <v>148</v>
      </c>
      <c r="D791" s="7" t="s">
        <v>2067</v>
      </c>
      <c r="E791" s="8" t="s">
        <v>2068</v>
      </c>
      <c r="F791" s="9">
        <v>0</v>
      </c>
      <c r="G791" s="5" t="s">
        <v>1965</v>
      </c>
      <c r="H791" s="7" t="s">
        <v>2069</v>
      </c>
      <c r="I791" s="10">
        <v>2021005005609</v>
      </c>
      <c r="K791" s="12">
        <v>0</v>
      </c>
      <c r="L791" s="12">
        <v>0</v>
      </c>
    </row>
    <row r="792" spans="1:12" ht="21.75" customHeight="1" x14ac:dyDescent="0.2">
      <c r="A792" s="5">
        <v>791</v>
      </c>
      <c r="B792" s="6" t="s">
        <v>12</v>
      </c>
      <c r="C792" s="7" t="s">
        <v>2070</v>
      </c>
      <c r="D792" s="7" t="s">
        <v>2071</v>
      </c>
      <c r="E792" s="8" t="s">
        <v>2072</v>
      </c>
      <c r="F792" s="9">
        <v>0</v>
      </c>
      <c r="G792" s="5" t="s">
        <v>1965</v>
      </c>
      <c r="H792" s="7" t="s">
        <v>2073</v>
      </c>
      <c r="I792" s="10">
        <v>8021005005801</v>
      </c>
      <c r="K792" s="12">
        <v>0</v>
      </c>
      <c r="L792" s="12">
        <v>0</v>
      </c>
    </row>
    <row r="793" spans="1:12" ht="21.75" customHeight="1" x14ac:dyDescent="0.2">
      <c r="A793" s="5">
        <v>792</v>
      </c>
      <c r="B793" s="6" t="s">
        <v>152</v>
      </c>
      <c r="C793" s="7" t="s">
        <v>786</v>
      </c>
      <c r="D793" s="7" t="s">
        <v>2074</v>
      </c>
      <c r="E793" s="8" t="s">
        <v>2075</v>
      </c>
      <c r="F793" s="9">
        <v>0</v>
      </c>
      <c r="G793" s="5" t="s">
        <v>1965</v>
      </c>
      <c r="H793" s="7" t="s">
        <v>2076</v>
      </c>
      <c r="I793" s="10">
        <v>1021005005849</v>
      </c>
      <c r="K793" s="12">
        <v>0</v>
      </c>
      <c r="L793" s="12">
        <v>0</v>
      </c>
    </row>
    <row r="794" spans="1:12" ht="21.75" customHeight="1" x14ac:dyDescent="0.2">
      <c r="A794" s="5">
        <v>793</v>
      </c>
      <c r="B794" s="6" t="s">
        <v>152</v>
      </c>
      <c r="C794" s="7" t="s">
        <v>2077</v>
      </c>
      <c r="D794" s="7" t="s">
        <v>809</v>
      </c>
      <c r="E794" s="8" t="s">
        <v>2078</v>
      </c>
      <c r="F794" s="9">
        <v>0</v>
      </c>
      <c r="G794" s="5" t="s">
        <v>1965</v>
      </c>
      <c r="H794" s="7" t="s">
        <v>2079</v>
      </c>
      <c r="I794" s="10">
        <v>8021005005693</v>
      </c>
      <c r="K794" s="12">
        <v>0</v>
      </c>
      <c r="L794" s="12">
        <v>0</v>
      </c>
    </row>
    <row r="795" spans="1:12" ht="21.75" customHeight="1" x14ac:dyDescent="0.2">
      <c r="A795" s="5">
        <v>794</v>
      </c>
      <c r="B795" s="6" t="s">
        <v>152</v>
      </c>
      <c r="C795" s="7" t="s">
        <v>2080</v>
      </c>
      <c r="D795" s="7" t="s">
        <v>2081</v>
      </c>
      <c r="E795" s="8" t="s">
        <v>2082</v>
      </c>
      <c r="F795" s="9">
        <v>0</v>
      </c>
      <c r="G795" s="5" t="s">
        <v>1965</v>
      </c>
      <c r="H795" s="7" t="s">
        <v>2083</v>
      </c>
      <c r="I795" s="10">
        <v>1021005005873</v>
      </c>
      <c r="K795" s="12">
        <v>0</v>
      </c>
      <c r="L795" s="12">
        <v>0</v>
      </c>
    </row>
    <row r="796" spans="1:12" ht="21.75" customHeight="1" x14ac:dyDescent="0.2">
      <c r="A796" s="5">
        <v>795</v>
      </c>
      <c r="B796" s="6" t="s">
        <v>152</v>
      </c>
      <c r="C796" s="7" t="s">
        <v>2084</v>
      </c>
      <c r="D796" s="7" t="s">
        <v>2085</v>
      </c>
      <c r="E796" s="8" t="s">
        <v>2086</v>
      </c>
      <c r="F796" s="9" t="s">
        <v>163</v>
      </c>
      <c r="G796" s="5" t="s">
        <v>1965</v>
      </c>
      <c r="H796" s="7" t="s">
        <v>2087</v>
      </c>
      <c r="I796" s="10">
        <v>6021005005588</v>
      </c>
      <c r="K796" s="12">
        <v>0</v>
      </c>
      <c r="L796" s="12">
        <v>0</v>
      </c>
    </row>
    <row r="797" spans="1:12" ht="21.75" customHeight="1" x14ac:dyDescent="0.2">
      <c r="A797" s="5">
        <v>796</v>
      </c>
      <c r="B797" s="6" t="s">
        <v>152</v>
      </c>
      <c r="C797" s="7" t="s">
        <v>2088</v>
      </c>
      <c r="D797" s="7" t="s">
        <v>2089</v>
      </c>
      <c r="E797" s="8" t="s">
        <v>2090</v>
      </c>
      <c r="F797" s="9">
        <v>0</v>
      </c>
      <c r="G797" s="5" t="s">
        <v>1965</v>
      </c>
      <c r="H797" s="7" t="s">
        <v>2091</v>
      </c>
      <c r="I797" s="10">
        <v>7021005005694</v>
      </c>
      <c r="K797" s="12">
        <v>0</v>
      </c>
      <c r="L797" s="12">
        <v>0</v>
      </c>
    </row>
    <row r="798" spans="1:12" ht="21.75" customHeight="1" x14ac:dyDescent="0.2">
      <c r="A798" s="5">
        <v>797</v>
      </c>
      <c r="B798" s="6" t="s">
        <v>152</v>
      </c>
      <c r="C798" s="7" t="s">
        <v>861</v>
      </c>
      <c r="D798" s="7" t="s">
        <v>2092</v>
      </c>
      <c r="E798" s="8" t="s">
        <v>2093</v>
      </c>
      <c r="F798" s="9">
        <v>0</v>
      </c>
      <c r="G798" s="5" t="s">
        <v>1965</v>
      </c>
      <c r="H798" s="7" t="s">
        <v>2094</v>
      </c>
      <c r="I798" s="10">
        <v>9021005005560</v>
      </c>
      <c r="K798" s="12">
        <v>0</v>
      </c>
      <c r="L798" s="12">
        <v>0</v>
      </c>
    </row>
    <row r="799" spans="1:12" ht="21.75" customHeight="1" x14ac:dyDescent="0.2">
      <c r="A799" s="5">
        <v>798</v>
      </c>
      <c r="B799" s="6" t="s">
        <v>152</v>
      </c>
      <c r="C799" s="7" t="s">
        <v>861</v>
      </c>
      <c r="D799" s="7" t="s">
        <v>958</v>
      </c>
      <c r="E799" s="8" t="s">
        <v>2095</v>
      </c>
      <c r="F799" s="9">
        <v>0</v>
      </c>
      <c r="G799" s="5" t="s">
        <v>1965</v>
      </c>
      <c r="H799" s="7" t="s">
        <v>2096</v>
      </c>
      <c r="I799" s="10">
        <v>1021005005601</v>
      </c>
      <c r="K799" s="12">
        <v>0</v>
      </c>
      <c r="L799" s="12">
        <v>0</v>
      </c>
    </row>
    <row r="800" spans="1:12" ht="21.75" customHeight="1" x14ac:dyDescent="0.2">
      <c r="A800" s="5">
        <v>799</v>
      </c>
      <c r="B800" s="6" t="s">
        <v>152</v>
      </c>
      <c r="C800" s="7" t="s">
        <v>861</v>
      </c>
      <c r="D800" s="7" t="s">
        <v>2097</v>
      </c>
      <c r="E800" s="8" t="s">
        <v>2098</v>
      </c>
      <c r="F800" s="9">
        <v>0</v>
      </c>
      <c r="G800" s="5" t="s">
        <v>1965</v>
      </c>
      <c r="H800" s="7" t="s">
        <v>2099</v>
      </c>
      <c r="I800" s="10">
        <v>3021005005608</v>
      </c>
      <c r="K800" s="12">
        <v>0</v>
      </c>
      <c r="L800" s="12">
        <v>0</v>
      </c>
    </row>
    <row r="801" spans="1:12" ht="21.75" customHeight="1" x14ac:dyDescent="0.2">
      <c r="A801" s="5">
        <v>800</v>
      </c>
      <c r="B801" s="6" t="s">
        <v>152</v>
      </c>
      <c r="C801" s="7" t="s">
        <v>861</v>
      </c>
      <c r="D801" s="7" t="s">
        <v>2100</v>
      </c>
      <c r="E801" s="8" t="s">
        <v>2101</v>
      </c>
      <c r="F801" s="9">
        <v>0</v>
      </c>
      <c r="G801" s="5" t="s">
        <v>1965</v>
      </c>
      <c r="H801" s="7" t="s">
        <v>2102</v>
      </c>
      <c r="I801" s="10">
        <v>3021005005616</v>
      </c>
      <c r="K801" s="12">
        <v>0</v>
      </c>
      <c r="L801" s="12">
        <v>0</v>
      </c>
    </row>
    <row r="802" spans="1:12" ht="21.75" customHeight="1" x14ac:dyDescent="0.2">
      <c r="A802" s="5">
        <v>801</v>
      </c>
      <c r="B802" s="6" t="s">
        <v>152</v>
      </c>
      <c r="C802" s="7" t="s">
        <v>861</v>
      </c>
      <c r="D802" s="7" t="s">
        <v>2103</v>
      </c>
      <c r="E802" s="8" t="s">
        <v>2104</v>
      </c>
      <c r="F802" s="9">
        <v>0</v>
      </c>
      <c r="G802" s="5" t="s">
        <v>1965</v>
      </c>
      <c r="H802" s="7" t="s">
        <v>2105</v>
      </c>
      <c r="I802" s="10">
        <v>3021005005640</v>
      </c>
      <c r="K802" s="12">
        <v>0</v>
      </c>
      <c r="L802" s="12">
        <v>0</v>
      </c>
    </row>
    <row r="803" spans="1:12" ht="21.75" customHeight="1" x14ac:dyDescent="0.2">
      <c r="A803" s="5">
        <v>802</v>
      </c>
      <c r="B803" s="6" t="s">
        <v>152</v>
      </c>
      <c r="C803" s="7" t="s">
        <v>861</v>
      </c>
      <c r="D803" s="7" t="s">
        <v>2106</v>
      </c>
      <c r="E803" s="8" t="s">
        <v>2107</v>
      </c>
      <c r="F803" s="9">
        <v>0</v>
      </c>
      <c r="G803" s="5" t="s">
        <v>1965</v>
      </c>
      <c r="H803" s="7" t="s">
        <v>2108</v>
      </c>
      <c r="I803" s="10">
        <v>4021005005656</v>
      </c>
      <c r="K803" s="12">
        <v>0</v>
      </c>
      <c r="L803" s="12">
        <v>0</v>
      </c>
    </row>
    <row r="804" spans="1:12" ht="21.75" customHeight="1" x14ac:dyDescent="0.2">
      <c r="A804" s="5">
        <v>803</v>
      </c>
      <c r="B804" s="6" t="s">
        <v>152</v>
      </c>
      <c r="C804" s="7" t="s">
        <v>861</v>
      </c>
      <c r="D804" s="7" t="s">
        <v>2109</v>
      </c>
      <c r="E804" s="8" t="s">
        <v>2110</v>
      </c>
      <c r="F804" s="9">
        <v>0</v>
      </c>
      <c r="G804" s="5" t="s">
        <v>1965</v>
      </c>
      <c r="H804" s="7" t="s">
        <v>2111</v>
      </c>
      <c r="I804" s="10">
        <v>1021005005642</v>
      </c>
      <c r="K804" s="12">
        <v>0</v>
      </c>
      <c r="L804" s="12">
        <v>0</v>
      </c>
    </row>
    <row r="805" spans="1:12" ht="21.75" customHeight="1" x14ac:dyDescent="0.2">
      <c r="A805" s="5">
        <v>804</v>
      </c>
      <c r="B805" s="6" t="s">
        <v>152</v>
      </c>
      <c r="C805" s="7" t="s">
        <v>861</v>
      </c>
      <c r="D805" s="7" t="s">
        <v>932</v>
      </c>
      <c r="E805" s="8" t="s">
        <v>2107</v>
      </c>
      <c r="F805" s="9">
        <v>0</v>
      </c>
      <c r="G805" s="5" t="s">
        <v>1965</v>
      </c>
      <c r="H805" s="7" t="s">
        <v>2112</v>
      </c>
      <c r="I805" s="10">
        <v>6021005005654</v>
      </c>
      <c r="K805" s="12">
        <v>0</v>
      </c>
      <c r="L805" s="12">
        <v>0</v>
      </c>
    </row>
    <row r="806" spans="1:12" ht="21.75" customHeight="1" x14ac:dyDescent="0.2">
      <c r="A806" s="5">
        <v>805</v>
      </c>
      <c r="B806" s="6" t="s">
        <v>152</v>
      </c>
      <c r="C806" s="7" t="s">
        <v>861</v>
      </c>
      <c r="D806" s="7" t="s">
        <v>2113</v>
      </c>
      <c r="E806" s="8" t="s">
        <v>2110</v>
      </c>
      <c r="F806" s="9" t="s">
        <v>163</v>
      </c>
      <c r="G806" s="5" t="s">
        <v>1965</v>
      </c>
      <c r="H806" s="7" t="s">
        <v>2114</v>
      </c>
      <c r="I806" s="10">
        <v>8021005005727</v>
      </c>
      <c r="K806" s="12">
        <v>0</v>
      </c>
      <c r="L806" s="12">
        <v>0</v>
      </c>
    </row>
    <row r="807" spans="1:12" ht="21.75" customHeight="1" x14ac:dyDescent="0.2">
      <c r="A807" s="5">
        <v>806</v>
      </c>
      <c r="B807" s="6" t="s">
        <v>152</v>
      </c>
      <c r="C807" s="7" t="s">
        <v>861</v>
      </c>
      <c r="D807" s="7" t="s">
        <v>2115</v>
      </c>
      <c r="E807" s="8" t="s">
        <v>2110</v>
      </c>
      <c r="F807" s="9">
        <v>0</v>
      </c>
      <c r="G807" s="5" t="s">
        <v>1965</v>
      </c>
      <c r="H807" s="7" t="s">
        <v>2116</v>
      </c>
      <c r="I807" s="10">
        <v>9021005005800</v>
      </c>
      <c r="K807" s="12">
        <v>0</v>
      </c>
      <c r="L807" s="12">
        <v>0</v>
      </c>
    </row>
    <row r="808" spans="1:12" ht="21.75" customHeight="1" x14ac:dyDescent="0.2">
      <c r="A808" s="5">
        <v>807</v>
      </c>
      <c r="B808" s="6" t="s">
        <v>152</v>
      </c>
      <c r="C808" s="7" t="s">
        <v>861</v>
      </c>
      <c r="D808" s="7" t="s">
        <v>521</v>
      </c>
      <c r="E808" s="8" t="s">
        <v>2095</v>
      </c>
      <c r="F808" s="9">
        <v>0</v>
      </c>
      <c r="G808" s="5" t="s">
        <v>1965</v>
      </c>
      <c r="H808" s="7" t="s">
        <v>2117</v>
      </c>
      <c r="I808" s="10">
        <v>3021005005822</v>
      </c>
      <c r="K808" s="12">
        <v>0</v>
      </c>
      <c r="L808" s="12">
        <v>0</v>
      </c>
    </row>
    <row r="809" spans="1:12" ht="21.75" customHeight="1" x14ac:dyDescent="0.2">
      <c r="A809" s="5">
        <v>808</v>
      </c>
      <c r="B809" s="6" t="s">
        <v>152</v>
      </c>
      <c r="C809" s="7" t="s">
        <v>861</v>
      </c>
      <c r="D809" s="7" t="s">
        <v>2118</v>
      </c>
      <c r="E809" s="8" t="s">
        <v>2119</v>
      </c>
      <c r="F809" s="9">
        <v>0</v>
      </c>
      <c r="G809" s="5" t="s">
        <v>1965</v>
      </c>
      <c r="H809" s="7" t="s">
        <v>2120</v>
      </c>
      <c r="I809" s="10">
        <v>6021005005844</v>
      </c>
      <c r="K809" s="12">
        <v>0</v>
      </c>
      <c r="L809" s="12">
        <v>0</v>
      </c>
    </row>
    <row r="810" spans="1:12" ht="21.75" customHeight="1" x14ac:dyDescent="0.2">
      <c r="A810" s="5">
        <v>809</v>
      </c>
      <c r="B810" s="6" t="s">
        <v>152</v>
      </c>
      <c r="C810" s="7" t="s">
        <v>861</v>
      </c>
      <c r="D810" s="7" t="s">
        <v>2121</v>
      </c>
      <c r="E810" s="8" t="s">
        <v>2122</v>
      </c>
      <c r="F810" s="9">
        <v>0</v>
      </c>
      <c r="G810" s="5" t="s">
        <v>1965</v>
      </c>
      <c r="H810" s="7" t="s">
        <v>2123</v>
      </c>
      <c r="I810" s="10">
        <v>4021005005870</v>
      </c>
      <c r="K810" s="12">
        <v>0</v>
      </c>
      <c r="L810" s="12">
        <v>0</v>
      </c>
    </row>
    <row r="811" spans="1:12" ht="21.75" customHeight="1" x14ac:dyDescent="0.2">
      <c r="A811" s="5">
        <v>810</v>
      </c>
      <c r="B811" s="6" t="s">
        <v>152</v>
      </c>
      <c r="C811" s="7" t="s">
        <v>871</v>
      </c>
      <c r="D811" s="7" t="s">
        <v>2124</v>
      </c>
      <c r="E811" s="8" t="s">
        <v>2125</v>
      </c>
      <c r="F811" s="9">
        <v>0</v>
      </c>
      <c r="G811" s="5" t="s">
        <v>1965</v>
      </c>
      <c r="H811" s="7" t="s">
        <v>2126</v>
      </c>
      <c r="I811" s="10">
        <v>9021005005577</v>
      </c>
      <c r="K811" s="12">
        <v>0</v>
      </c>
      <c r="L811" s="12">
        <v>0</v>
      </c>
    </row>
    <row r="812" spans="1:12" ht="21.75" customHeight="1" x14ac:dyDescent="0.2">
      <c r="A812" s="5">
        <v>811</v>
      </c>
      <c r="B812" s="6" t="s">
        <v>152</v>
      </c>
      <c r="C812" s="7" t="s">
        <v>871</v>
      </c>
      <c r="D812" s="7" t="s">
        <v>2127</v>
      </c>
      <c r="E812" s="8" t="s">
        <v>2128</v>
      </c>
      <c r="F812" s="9">
        <v>0</v>
      </c>
      <c r="G812" s="5" t="s">
        <v>1965</v>
      </c>
      <c r="H812" s="7" t="s">
        <v>2129</v>
      </c>
      <c r="I812" s="10">
        <v>1021005005576</v>
      </c>
      <c r="K812" s="12">
        <v>0</v>
      </c>
      <c r="L812" s="12">
        <v>0</v>
      </c>
    </row>
    <row r="813" spans="1:12" ht="21.75" customHeight="1" x14ac:dyDescent="0.2">
      <c r="A813" s="5">
        <v>812</v>
      </c>
      <c r="B813" s="6" t="s">
        <v>152</v>
      </c>
      <c r="C813" s="7" t="s">
        <v>871</v>
      </c>
      <c r="D813" s="7" t="s">
        <v>184</v>
      </c>
      <c r="E813" s="8" t="s">
        <v>2130</v>
      </c>
      <c r="F813" s="9">
        <v>0</v>
      </c>
      <c r="G813" s="5" t="s">
        <v>1965</v>
      </c>
      <c r="H813" s="7" t="s">
        <v>2131</v>
      </c>
      <c r="I813" s="10">
        <v>3021005005673</v>
      </c>
      <c r="K813" s="12">
        <v>0</v>
      </c>
      <c r="L813" s="12">
        <v>0</v>
      </c>
    </row>
    <row r="814" spans="1:12" ht="21.75" customHeight="1" x14ac:dyDescent="0.2">
      <c r="A814" s="5">
        <v>813</v>
      </c>
      <c r="B814" s="6" t="s">
        <v>152</v>
      </c>
      <c r="C814" s="7" t="s">
        <v>871</v>
      </c>
      <c r="D814" s="7" t="s">
        <v>844</v>
      </c>
      <c r="E814" s="8" t="s">
        <v>2132</v>
      </c>
      <c r="F814" s="9">
        <v>0</v>
      </c>
      <c r="G814" s="5" t="s">
        <v>1965</v>
      </c>
      <c r="H814" s="7" t="s">
        <v>2133</v>
      </c>
      <c r="I814" s="10">
        <v>8021005005677</v>
      </c>
      <c r="K814" s="12">
        <v>0</v>
      </c>
      <c r="L814" s="12">
        <v>0</v>
      </c>
    </row>
    <row r="815" spans="1:12" ht="21.75" customHeight="1" x14ac:dyDescent="0.2">
      <c r="A815" s="5">
        <v>814</v>
      </c>
      <c r="B815" s="6" t="s">
        <v>152</v>
      </c>
      <c r="C815" s="7" t="s">
        <v>871</v>
      </c>
      <c r="D815" s="7" t="s">
        <v>2134</v>
      </c>
      <c r="E815" s="8" t="s">
        <v>2135</v>
      </c>
      <c r="F815" s="9">
        <v>0</v>
      </c>
      <c r="G815" s="5" t="s">
        <v>1965</v>
      </c>
      <c r="H815" s="7" t="s">
        <v>2136</v>
      </c>
      <c r="I815" s="10">
        <v>1021005005691</v>
      </c>
      <c r="K815" s="12">
        <v>0</v>
      </c>
      <c r="L815" s="12">
        <v>0</v>
      </c>
    </row>
    <row r="816" spans="1:12" ht="21.75" customHeight="1" x14ac:dyDescent="0.2">
      <c r="A816" s="5">
        <v>815</v>
      </c>
      <c r="B816" s="6" t="s">
        <v>152</v>
      </c>
      <c r="C816" s="7" t="s">
        <v>871</v>
      </c>
      <c r="D816" s="7" t="s">
        <v>987</v>
      </c>
      <c r="E816" s="8" t="s">
        <v>2137</v>
      </c>
      <c r="F816" s="9">
        <v>0</v>
      </c>
      <c r="G816" s="5" t="s">
        <v>1965</v>
      </c>
      <c r="H816" s="7" t="s">
        <v>2138</v>
      </c>
      <c r="I816" s="10">
        <v>2021005005823</v>
      </c>
      <c r="K816" s="12">
        <v>0</v>
      </c>
      <c r="L816" s="12">
        <v>0</v>
      </c>
    </row>
    <row r="817" spans="1:12" ht="21.75" customHeight="1" x14ac:dyDescent="0.2">
      <c r="A817" s="5">
        <v>816</v>
      </c>
      <c r="B817" s="6" t="s">
        <v>152</v>
      </c>
      <c r="C817" s="7" t="s">
        <v>871</v>
      </c>
      <c r="D817" s="7" t="s">
        <v>2139</v>
      </c>
      <c r="E817" s="8" t="s">
        <v>2140</v>
      </c>
      <c r="F817" s="9">
        <v>0</v>
      </c>
      <c r="G817" s="5" t="s">
        <v>1965</v>
      </c>
      <c r="H817" s="7" t="s">
        <v>2141</v>
      </c>
      <c r="I817" s="10">
        <v>8021005005850</v>
      </c>
      <c r="K817" s="12">
        <v>0</v>
      </c>
      <c r="L817" s="12">
        <v>0</v>
      </c>
    </row>
    <row r="818" spans="1:12" ht="21.75" customHeight="1" x14ac:dyDescent="0.2">
      <c r="A818" s="5">
        <v>817</v>
      </c>
      <c r="B818" s="6" t="s">
        <v>152</v>
      </c>
      <c r="C818" s="7" t="s">
        <v>871</v>
      </c>
      <c r="D818" s="7" t="s">
        <v>2142</v>
      </c>
      <c r="E818" s="8" t="s">
        <v>2143</v>
      </c>
      <c r="F818" s="9">
        <v>0</v>
      </c>
      <c r="G818" s="5" t="s">
        <v>1965</v>
      </c>
      <c r="H818" s="7" t="s">
        <v>2144</v>
      </c>
      <c r="I818" s="10">
        <v>7021005005843</v>
      </c>
      <c r="K818" s="12">
        <v>0</v>
      </c>
      <c r="L818" s="12">
        <v>0</v>
      </c>
    </row>
    <row r="819" spans="1:12" ht="21.75" customHeight="1" x14ac:dyDescent="0.2">
      <c r="A819" s="5">
        <v>818</v>
      </c>
      <c r="B819" s="6" t="s">
        <v>152</v>
      </c>
      <c r="C819" s="7" t="s">
        <v>871</v>
      </c>
      <c r="D819" s="7" t="s">
        <v>1253</v>
      </c>
      <c r="E819" s="8" t="s">
        <v>2145</v>
      </c>
      <c r="F819" s="9">
        <v>0</v>
      </c>
      <c r="G819" s="5" t="s">
        <v>1965</v>
      </c>
      <c r="H819" s="7" t="s">
        <v>2146</v>
      </c>
      <c r="I819" s="10">
        <v>6021005005852</v>
      </c>
      <c r="K819" s="12">
        <v>0</v>
      </c>
      <c r="L819" s="12">
        <v>0</v>
      </c>
    </row>
    <row r="820" spans="1:12" ht="21.75" customHeight="1" x14ac:dyDescent="0.2">
      <c r="A820" s="5">
        <v>819</v>
      </c>
      <c r="B820" s="6" t="s">
        <v>152</v>
      </c>
      <c r="C820" s="7" t="s">
        <v>871</v>
      </c>
      <c r="D820" s="7" t="s">
        <v>2147</v>
      </c>
      <c r="E820" s="8" t="s">
        <v>2130</v>
      </c>
      <c r="F820" s="9">
        <v>0</v>
      </c>
      <c r="G820" s="5" t="s">
        <v>1965</v>
      </c>
      <c r="H820" s="7" t="s">
        <v>2148</v>
      </c>
      <c r="I820" s="10">
        <v>6021005005877</v>
      </c>
      <c r="K820" s="12">
        <v>0</v>
      </c>
      <c r="L820" s="12">
        <v>0</v>
      </c>
    </row>
    <row r="821" spans="1:12" ht="21.75" customHeight="1" x14ac:dyDescent="0.2">
      <c r="A821" s="5">
        <v>820</v>
      </c>
      <c r="B821" s="6" t="s">
        <v>152</v>
      </c>
      <c r="C821" s="7" t="s">
        <v>2149</v>
      </c>
      <c r="D821" s="7" t="s">
        <v>2150</v>
      </c>
      <c r="E821" s="8" t="s">
        <v>2151</v>
      </c>
      <c r="F821" s="9">
        <v>0</v>
      </c>
      <c r="G821" s="5" t="s">
        <v>1965</v>
      </c>
      <c r="H821" s="7" t="s">
        <v>2152</v>
      </c>
      <c r="I821" s="10">
        <v>9021005005726</v>
      </c>
      <c r="K821" s="12">
        <v>0</v>
      </c>
      <c r="L821" s="12">
        <v>0</v>
      </c>
    </row>
    <row r="822" spans="1:12" ht="21.75" customHeight="1" x14ac:dyDescent="0.2">
      <c r="A822" s="5">
        <v>821</v>
      </c>
      <c r="B822" s="6" t="s">
        <v>152</v>
      </c>
      <c r="C822" s="7" t="s">
        <v>172</v>
      </c>
      <c r="D822" s="7" t="s">
        <v>955</v>
      </c>
      <c r="E822" s="8" t="s">
        <v>2153</v>
      </c>
      <c r="F822" s="9">
        <v>0</v>
      </c>
      <c r="G822" s="5" t="s">
        <v>1965</v>
      </c>
      <c r="H822" s="7" t="s">
        <v>2154</v>
      </c>
      <c r="I822" s="10">
        <v>5021005005556</v>
      </c>
      <c r="K822" s="12">
        <v>0</v>
      </c>
      <c r="L822" s="12">
        <v>0</v>
      </c>
    </row>
    <row r="823" spans="1:12" ht="21.75" customHeight="1" x14ac:dyDescent="0.2">
      <c r="A823" s="5">
        <v>822</v>
      </c>
      <c r="B823" s="6" t="s">
        <v>152</v>
      </c>
      <c r="C823" s="7" t="s">
        <v>172</v>
      </c>
      <c r="D823" s="7" t="s">
        <v>2155</v>
      </c>
      <c r="E823" s="8" t="s">
        <v>2156</v>
      </c>
      <c r="F823" s="9">
        <v>0</v>
      </c>
      <c r="G823" s="5" t="s">
        <v>1965</v>
      </c>
      <c r="H823" s="7" t="s">
        <v>2157</v>
      </c>
      <c r="I823" s="10">
        <v>2021005005559</v>
      </c>
      <c r="K823" s="12">
        <v>0</v>
      </c>
      <c r="L823" s="12">
        <v>0</v>
      </c>
    </row>
    <row r="824" spans="1:12" ht="21.75" customHeight="1" x14ac:dyDescent="0.2">
      <c r="A824" s="5">
        <v>823</v>
      </c>
      <c r="B824" s="6" t="s">
        <v>152</v>
      </c>
      <c r="C824" s="7" t="s">
        <v>172</v>
      </c>
      <c r="D824" s="7" t="s">
        <v>2158</v>
      </c>
      <c r="E824" s="8" t="s">
        <v>2159</v>
      </c>
      <c r="F824" s="9">
        <v>0</v>
      </c>
      <c r="G824" s="5" t="s">
        <v>1965</v>
      </c>
      <c r="H824" s="7" t="s">
        <v>2160</v>
      </c>
      <c r="I824" s="10">
        <v>7021005005579</v>
      </c>
      <c r="K824" s="12">
        <v>0</v>
      </c>
      <c r="L824" s="12">
        <v>0</v>
      </c>
    </row>
    <row r="825" spans="1:12" ht="21.75" customHeight="1" x14ac:dyDescent="0.2">
      <c r="A825" s="5">
        <v>824</v>
      </c>
      <c r="B825" s="6" t="s">
        <v>152</v>
      </c>
      <c r="C825" s="7" t="s">
        <v>172</v>
      </c>
      <c r="D825" s="7" t="s">
        <v>2161</v>
      </c>
      <c r="E825" s="8" t="s">
        <v>2162</v>
      </c>
      <c r="F825" s="9">
        <v>0</v>
      </c>
      <c r="G825" s="5" t="s">
        <v>1965</v>
      </c>
      <c r="H825" s="7" t="s">
        <v>2163</v>
      </c>
      <c r="I825" s="10">
        <v>3021005005574</v>
      </c>
      <c r="K825" s="12">
        <v>0</v>
      </c>
      <c r="L825" s="12">
        <v>0</v>
      </c>
    </row>
    <row r="826" spans="1:12" ht="21.75" customHeight="1" x14ac:dyDescent="0.2">
      <c r="A826" s="5">
        <v>825</v>
      </c>
      <c r="B826" s="6" t="s">
        <v>152</v>
      </c>
      <c r="C826" s="7" t="s">
        <v>172</v>
      </c>
      <c r="D826" s="7" t="s">
        <v>1299</v>
      </c>
      <c r="E826" s="8" t="s">
        <v>2164</v>
      </c>
      <c r="F826" s="9">
        <v>0</v>
      </c>
      <c r="G826" s="5" t="s">
        <v>1965</v>
      </c>
      <c r="H826" s="7" t="s">
        <v>2165</v>
      </c>
      <c r="I826" s="10">
        <v>4021005005615</v>
      </c>
      <c r="K826" s="12">
        <v>0</v>
      </c>
      <c r="L826" s="12">
        <v>0</v>
      </c>
    </row>
    <row r="827" spans="1:12" ht="21.75" customHeight="1" x14ac:dyDescent="0.2">
      <c r="A827" s="5">
        <v>826</v>
      </c>
      <c r="B827" s="6" t="s">
        <v>152</v>
      </c>
      <c r="C827" s="7" t="s">
        <v>172</v>
      </c>
      <c r="D827" s="7" t="s">
        <v>793</v>
      </c>
      <c r="E827" s="8" t="s">
        <v>2166</v>
      </c>
      <c r="F827" s="9">
        <v>0</v>
      </c>
      <c r="G827" s="5" t="s">
        <v>1965</v>
      </c>
      <c r="H827" s="7" t="s">
        <v>2167</v>
      </c>
      <c r="I827" s="10">
        <v>5021005005614</v>
      </c>
      <c r="K827" s="12">
        <v>0</v>
      </c>
      <c r="L827" s="12">
        <v>0</v>
      </c>
    </row>
    <row r="828" spans="1:12" ht="21.75" customHeight="1" x14ac:dyDescent="0.2">
      <c r="A828" s="5">
        <v>827</v>
      </c>
      <c r="B828" s="6" t="s">
        <v>152</v>
      </c>
      <c r="C828" s="7" t="s">
        <v>172</v>
      </c>
      <c r="D828" s="7" t="s">
        <v>2168</v>
      </c>
      <c r="E828" s="8" t="s">
        <v>2169</v>
      </c>
      <c r="F828" s="9">
        <v>0</v>
      </c>
      <c r="G828" s="5" t="s">
        <v>1965</v>
      </c>
      <c r="H828" s="7" t="s">
        <v>2170</v>
      </c>
      <c r="I828" s="10">
        <v>2021005005633</v>
      </c>
      <c r="K828" s="12">
        <v>0</v>
      </c>
      <c r="L828" s="12">
        <v>0</v>
      </c>
    </row>
    <row r="829" spans="1:12" ht="21.75" customHeight="1" x14ac:dyDescent="0.2">
      <c r="A829" s="5">
        <v>828</v>
      </c>
      <c r="B829" s="6" t="s">
        <v>152</v>
      </c>
      <c r="C829" s="7" t="s">
        <v>172</v>
      </c>
      <c r="D829" s="7" t="s">
        <v>2171</v>
      </c>
      <c r="E829" s="8" t="s">
        <v>2172</v>
      </c>
      <c r="F829" s="9">
        <v>0</v>
      </c>
      <c r="G829" s="5" t="s">
        <v>1965</v>
      </c>
      <c r="H829" s="7" t="s">
        <v>2173</v>
      </c>
      <c r="I829" s="10">
        <v>4021005005648</v>
      </c>
      <c r="K829" s="12">
        <v>0</v>
      </c>
      <c r="L829" s="12">
        <v>0</v>
      </c>
    </row>
    <row r="830" spans="1:12" ht="21.75" customHeight="1" x14ac:dyDescent="0.2">
      <c r="A830" s="5">
        <v>829</v>
      </c>
      <c r="B830" s="6" t="s">
        <v>152</v>
      </c>
      <c r="C830" s="7" t="s">
        <v>172</v>
      </c>
      <c r="D830" s="7" t="s">
        <v>2174</v>
      </c>
      <c r="E830" s="8" t="s">
        <v>2175</v>
      </c>
      <c r="F830" s="9">
        <v>0</v>
      </c>
      <c r="G830" s="5" t="s">
        <v>1965</v>
      </c>
      <c r="H830" s="7" t="s">
        <v>2176</v>
      </c>
      <c r="I830" s="10">
        <v>9021005005643</v>
      </c>
      <c r="K830" s="12">
        <v>0</v>
      </c>
      <c r="L830" s="12">
        <v>0</v>
      </c>
    </row>
    <row r="831" spans="1:12" ht="21.75" customHeight="1" x14ac:dyDescent="0.2">
      <c r="A831" s="5">
        <v>830</v>
      </c>
      <c r="B831" s="6" t="s">
        <v>152</v>
      </c>
      <c r="C831" s="7" t="s">
        <v>172</v>
      </c>
      <c r="D831" s="7" t="s">
        <v>290</v>
      </c>
      <c r="E831" s="8" t="s">
        <v>2177</v>
      </c>
      <c r="F831" s="9">
        <v>0</v>
      </c>
      <c r="G831" s="5" t="s">
        <v>1965</v>
      </c>
      <c r="H831" s="7" t="s">
        <v>2178</v>
      </c>
      <c r="I831" s="10">
        <v>6021005005646</v>
      </c>
      <c r="K831" s="12">
        <v>0</v>
      </c>
      <c r="L831" s="12">
        <v>0</v>
      </c>
    </row>
    <row r="832" spans="1:12" ht="21.75" customHeight="1" x14ac:dyDescent="0.2">
      <c r="A832" s="5">
        <v>831</v>
      </c>
      <c r="B832" s="6" t="s">
        <v>152</v>
      </c>
      <c r="C832" s="7" t="s">
        <v>172</v>
      </c>
      <c r="D832" s="7" t="s">
        <v>2179</v>
      </c>
      <c r="E832" s="8" t="s">
        <v>2180</v>
      </c>
      <c r="F832" s="9">
        <v>0</v>
      </c>
      <c r="G832" s="5" t="s">
        <v>1965</v>
      </c>
      <c r="H832" s="7" t="s">
        <v>2181</v>
      </c>
      <c r="I832" s="10">
        <v>7021005005645</v>
      </c>
      <c r="K832" s="12">
        <v>0</v>
      </c>
      <c r="L832" s="12">
        <v>0</v>
      </c>
    </row>
    <row r="833" spans="1:12" ht="21.75" customHeight="1" x14ac:dyDescent="0.2">
      <c r="A833" s="5">
        <v>832</v>
      </c>
      <c r="B833" s="6" t="s">
        <v>152</v>
      </c>
      <c r="C833" s="7" t="s">
        <v>172</v>
      </c>
      <c r="D833" s="7" t="s">
        <v>2182</v>
      </c>
      <c r="E833" s="8" t="s">
        <v>2183</v>
      </c>
      <c r="F833" s="9">
        <v>0</v>
      </c>
      <c r="G833" s="5" t="s">
        <v>1965</v>
      </c>
      <c r="H833" s="7" t="s">
        <v>2184</v>
      </c>
      <c r="I833" s="10">
        <v>5021005005639</v>
      </c>
      <c r="K833" s="12">
        <v>0</v>
      </c>
      <c r="L833" s="12">
        <v>0</v>
      </c>
    </row>
    <row r="834" spans="1:12" ht="21.75" customHeight="1" x14ac:dyDescent="0.2">
      <c r="A834" s="5">
        <v>833</v>
      </c>
      <c r="B834" s="6" t="s">
        <v>152</v>
      </c>
      <c r="C834" s="7" t="s">
        <v>172</v>
      </c>
      <c r="D834" s="7" t="s">
        <v>2185</v>
      </c>
      <c r="E834" s="8" t="s">
        <v>2186</v>
      </c>
      <c r="F834" s="9">
        <v>0</v>
      </c>
      <c r="G834" s="5" t="s">
        <v>1965</v>
      </c>
      <c r="H834" s="7" t="s">
        <v>2187</v>
      </c>
      <c r="I834" s="10">
        <v>2021005005641</v>
      </c>
      <c r="K834" s="12">
        <v>0</v>
      </c>
      <c r="L834" s="12">
        <v>0</v>
      </c>
    </row>
    <row r="835" spans="1:12" ht="21.75" customHeight="1" x14ac:dyDescent="0.2">
      <c r="A835" s="5">
        <v>834</v>
      </c>
      <c r="B835" s="6" t="s">
        <v>152</v>
      </c>
      <c r="C835" s="7" t="s">
        <v>172</v>
      </c>
      <c r="D835" s="7" t="s">
        <v>2188</v>
      </c>
      <c r="E835" s="8" t="s">
        <v>2189</v>
      </c>
      <c r="F835" s="9">
        <v>0</v>
      </c>
      <c r="G835" s="5" t="s">
        <v>1965</v>
      </c>
      <c r="H835" s="7" t="s">
        <v>2190</v>
      </c>
      <c r="I835" s="10">
        <v>8021005005644</v>
      </c>
      <c r="K835" s="12">
        <v>0</v>
      </c>
      <c r="L835" s="12">
        <v>0</v>
      </c>
    </row>
    <row r="836" spans="1:12" ht="21.75" customHeight="1" x14ac:dyDescent="0.2">
      <c r="A836" s="5">
        <v>835</v>
      </c>
      <c r="B836" s="6" t="s">
        <v>152</v>
      </c>
      <c r="C836" s="7" t="s">
        <v>172</v>
      </c>
      <c r="D836" s="7" t="s">
        <v>2191</v>
      </c>
      <c r="E836" s="8" t="s">
        <v>2192</v>
      </c>
      <c r="F836" s="9">
        <v>0</v>
      </c>
      <c r="G836" s="5" t="s">
        <v>1965</v>
      </c>
      <c r="H836" s="7" t="s">
        <v>2193</v>
      </c>
      <c r="I836" s="10">
        <v>5021005005647</v>
      </c>
      <c r="K836" s="12">
        <v>0</v>
      </c>
      <c r="L836" s="12">
        <v>0</v>
      </c>
    </row>
    <row r="837" spans="1:12" ht="21.75" customHeight="1" x14ac:dyDescent="0.2">
      <c r="A837" s="5">
        <v>836</v>
      </c>
      <c r="B837" s="6" t="s">
        <v>152</v>
      </c>
      <c r="C837" s="7" t="s">
        <v>172</v>
      </c>
      <c r="D837" s="7" t="s">
        <v>2194</v>
      </c>
      <c r="E837" s="8" t="s">
        <v>2195</v>
      </c>
      <c r="F837" s="9">
        <v>0</v>
      </c>
      <c r="G837" s="5" t="s">
        <v>1965</v>
      </c>
      <c r="H837" s="7" t="s">
        <v>2196</v>
      </c>
      <c r="I837" s="10">
        <v>8021005005669</v>
      </c>
      <c r="K837" s="12">
        <v>0</v>
      </c>
      <c r="L837" s="12">
        <v>0</v>
      </c>
    </row>
    <row r="838" spans="1:12" ht="21.75" customHeight="1" x14ac:dyDescent="0.2">
      <c r="A838" s="5">
        <v>837</v>
      </c>
      <c r="B838" s="6" t="s">
        <v>152</v>
      </c>
      <c r="C838" s="7" t="s">
        <v>172</v>
      </c>
      <c r="D838" s="7" t="s">
        <v>2197</v>
      </c>
      <c r="E838" s="8" t="s">
        <v>2198</v>
      </c>
      <c r="F838" s="9">
        <v>0</v>
      </c>
      <c r="G838" s="5" t="s">
        <v>1965</v>
      </c>
      <c r="H838" s="7" t="s">
        <v>2199</v>
      </c>
      <c r="I838" s="10">
        <v>9021005005668</v>
      </c>
      <c r="J838" s="11" t="s">
        <v>2931</v>
      </c>
      <c r="K838" s="12">
        <v>0</v>
      </c>
      <c r="L838" s="12" t="s">
        <v>2200</v>
      </c>
    </row>
    <row r="839" spans="1:12" ht="21.75" customHeight="1" x14ac:dyDescent="0.2">
      <c r="A839" s="5">
        <v>838</v>
      </c>
      <c r="B839" s="6" t="s">
        <v>152</v>
      </c>
      <c r="C839" s="7" t="s">
        <v>172</v>
      </c>
      <c r="D839" s="7" t="s">
        <v>1048</v>
      </c>
      <c r="E839" s="8" t="s">
        <v>2201</v>
      </c>
      <c r="F839" s="9">
        <v>0</v>
      </c>
      <c r="G839" s="5" t="s">
        <v>1965</v>
      </c>
      <c r="H839" s="7" t="s">
        <v>2202</v>
      </c>
      <c r="I839" s="10">
        <v>4021005005689</v>
      </c>
      <c r="K839" s="12">
        <v>0</v>
      </c>
      <c r="L839" s="12">
        <v>0</v>
      </c>
    </row>
    <row r="840" spans="1:12" ht="21.75" customHeight="1" x14ac:dyDescent="0.2">
      <c r="A840" s="5">
        <v>839</v>
      </c>
      <c r="B840" s="6" t="s">
        <v>152</v>
      </c>
      <c r="C840" s="7" t="s">
        <v>172</v>
      </c>
      <c r="D840" s="7" t="s">
        <v>2203</v>
      </c>
      <c r="E840" s="8" t="s">
        <v>2204</v>
      </c>
      <c r="F840" s="9">
        <v>0</v>
      </c>
      <c r="G840" s="5" t="s">
        <v>1965</v>
      </c>
      <c r="H840" s="7" t="s">
        <v>2205</v>
      </c>
      <c r="I840" s="10">
        <v>5021005005688</v>
      </c>
      <c r="K840" s="12">
        <v>0</v>
      </c>
      <c r="L840" s="12">
        <v>0</v>
      </c>
    </row>
    <row r="841" spans="1:12" ht="21.75" customHeight="1" x14ac:dyDescent="0.2">
      <c r="A841" s="5">
        <v>840</v>
      </c>
      <c r="B841" s="6" t="s">
        <v>152</v>
      </c>
      <c r="C841" s="7" t="s">
        <v>172</v>
      </c>
      <c r="D841" s="7" t="s">
        <v>2206</v>
      </c>
      <c r="E841" s="8" t="s">
        <v>2207</v>
      </c>
      <c r="F841" s="9">
        <v>0</v>
      </c>
      <c r="G841" s="5" t="s">
        <v>1965</v>
      </c>
      <c r="H841" s="7" t="s">
        <v>2208</v>
      </c>
      <c r="I841" s="10">
        <v>6021005005695</v>
      </c>
      <c r="K841" s="12">
        <v>0</v>
      </c>
      <c r="L841" s="12">
        <v>0</v>
      </c>
    </row>
    <row r="842" spans="1:12" ht="21.75" customHeight="1" x14ac:dyDescent="0.2">
      <c r="A842" s="5">
        <v>841</v>
      </c>
      <c r="B842" s="6" t="s">
        <v>152</v>
      </c>
      <c r="C842" s="7" t="s">
        <v>172</v>
      </c>
      <c r="D842" s="7" t="s">
        <v>847</v>
      </c>
      <c r="E842" s="8" t="s">
        <v>2209</v>
      </c>
      <c r="F842" s="9">
        <v>0</v>
      </c>
      <c r="G842" s="5" t="s">
        <v>1965</v>
      </c>
      <c r="H842" s="7" t="s">
        <v>2210</v>
      </c>
      <c r="I842" s="10">
        <v>9021005005701</v>
      </c>
      <c r="K842" s="12">
        <v>0</v>
      </c>
      <c r="L842" s="12">
        <v>0</v>
      </c>
    </row>
    <row r="843" spans="1:12" ht="21.75" customHeight="1" x14ac:dyDescent="0.2">
      <c r="A843" s="5">
        <v>842</v>
      </c>
      <c r="B843" s="6" t="s">
        <v>152</v>
      </c>
      <c r="C843" s="7" t="s">
        <v>172</v>
      </c>
      <c r="D843" s="7" t="s">
        <v>2211</v>
      </c>
      <c r="E843" s="8" t="s">
        <v>2212</v>
      </c>
      <c r="F843" s="9">
        <v>0</v>
      </c>
      <c r="G843" s="5" t="s">
        <v>1965</v>
      </c>
      <c r="H843" s="7" t="s">
        <v>2213</v>
      </c>
      <c r="I843" s="10">
        <v>3021005005707</v>
      </c>
      <c r="K843" s="12">
        <v>0</v>
      </c>
      <c r="L843" s="12">
        <v>0</v>
      </c>
    </row>
    <row r="844" spans="1:12" ht="21.75" customHeight="1" x14ac:dyDescent="0.2">
      <c r="A844" s="5">
        <v>843</v>
      </c>
      <c r="B844" s="6" t="s">
        <v>152</v>
      </c>
      <c r="C844" s="7" t="s">
        <v>172</v>
      </c>
      <c r="D844" s="7" t="s">
        <v>2214</v>
      </c>
      <c r="E844" s="8" t="s">
        <v>2215</v>
      </c>
      <c r="F844" s="9">
        <v>0</v>
      </c>
      <c r="G844" s="5" t="s">
        <v>1965</v>
      </c>
      <c r="H844" s="7" t="s">
        <v>2216</v>
      </c>
      <c r="I844" s="10">
        <v>3021005005723</v>
      </c>
      <c r="K844" s="12">
        <v>0</v>
      </c>
      <c r="L844" s="12">
        <v>0</v>
      </c>
    </row>
    <row r="845" spans="1:12" ht="21.75" customHeight="1" x14ac:dyDescent="0.2">
      <c r="A845" s="5">
        <v>844</v>
      </c>
      <c r="B845" s="6" t="s">
        <v>152</v>
      </c>
      <c r="C845" s="7" t="s">
        <v>172</v>
      </c>
      <c r="D845" s="7" t="s">
        <v>2217</v>
      </c>
      <c r="E845" s="8" t="s">
        <v>2218</v>
      </c>
      <c r="F845" s="9">
        <v>0</v>
      </c>
      <c r="G845" s="5" t="s">
        <v>1965</v>
      </c>
      <c r="H845" s="7" t="s">
        <v>2219</v>
      </c>
      <c r="I845" s="10">
        <v>4021005005838</v>
      </c>
      <c r="K845" s="12">
        <v>0</v>
      </c>
      <c r="L845" s="12">
        <v>0</v>
      </c>
    </row>
    <row r="846" spans="1:12" ht="21.75" customHeight="1" x14ac:dyDescent="0.2">
      <c r="A846" s="5">
        <v>845</v>
      </c>
      <c r="B846" s="6" t="s">
        <v>152</v>
      </c>
      <c r="C846" s="7" t="s">
        <v>172</v>
      </c>
      <c r="D846" s="7" t="s">
        <v>2220</v>
      </c>
      <c r="E846" s="8" t="s">
        <v>2221</v>
      </c>
      <c r="F846" s="9">
        <v>0</v>
      </c>
      <c r="G846" s="5" t="s">
        <v>1965</v>
      </c>
      <c r="H846" s="7" t="s">
        <v>2222</v>
      </c>
      <c r="I846" s="10">
        <v>1021005005840</v>
      </c>
      <c r="K846" s="12">
        <v>0</v>
      </c>
      <c r="L846" s="12">
        <v>0</v>
      </c>
    </row>
    <row r="847" spans="1:12" ht="21.75" customHeight="1" x14ac:dyDescent="0.2">
      <c r="A847" s="5">
        <v>846</v>
      </c>
      <c r="B847" s="6" t="s">
        <v>152</v>
      </c>
      <c r="C847" s="7" t="s">
        <v>172</v>
      </c>
      <c r="D847" s="7" t="s">
        <v>269</v>
      </c>
      <c r="E847" s="8" t="s">
        <v>2223</v>
      </c>
      <c r="F847" s="9">
        <v>0</v>
      </c>
      <c r="G847" s="5" t="s">
        <v>1965</v>
      </c>
      <c r="H847" s="7" t="s">
        <v>2224</v>
      </c>
      <c r="I847" s="10">
        <v>2021005005864</v>
      </c>
      <c r="K847" s="12">
        <v>0</v>
      </c>
      <c r="L847" s="12">
        <v>0</v>
      </c>
    </row>
    <row r="848" spans="1:12" ht="21.75" customHeight="1" x14ac:dyDescent="0.2">
      <c r="A848" s="5">
        <v>847</v>
      </c>
      <c r="B848" s="6" t="s">
        <v>152</v>
      </c>
      <c r="C848" s="7" t="s">
        <v>172</v>
      </c>
      <c r="D848" s="7" t="s">
        <v>2225</v>
      </c>
      <c r="E848" s="8" t="s">
        <v>1771</v>
      </c>
      <c r="F848" s="9">
        <v>0</v>
      </c>
      <c r="G848" s="5" t="s">
        <v>1965</v>
      </c>
      <c r="H848" s="7" t="s">
        <v>2226</v>
      </c>
      <c r="I848" s="10">
        <v>9021005005866</v>
      </c>
      <c r="K848" s="12">
        <v>0</v>
      </c>
      <c r="L848" s="12">
        <v>0</v>
      </c>
    </row>
    <row r="849" spans="1:12" ht="21.75" customHeight="1" x14ac:dyDescent="0.2">
      <c r="A849" s="5">
        <v>848</v>
      </c>
      <c r="B849" s="6" t="s">
        <v>152</v>
      </c>
      <c r="C849" s="7" t="s">
        <v>172</v>
      </c>
      <c r="D849" s="7" t="s">
        <v>2227</v>
      </c>
      <c r="E849" s="8" t="s">
        <v>2228</v>
      </c>
      <c r="F849" s="9">
        <v>0</v>
      </c>
      <c r="G849" s="5" t="s">
        <v>1965</v>
      </c>
      <c r="H849" s="7" t="s">
        <v>2229</v>
      </c>
      <c r="I849" s="10">
        <v>7021005005876</v>
      </c>
      <c r="J849" s="11" t="s">
        <v>2931</v>
      </c>
      <c r="K849" s="12">
        <v>0</v>
      </c>
      <c r="L849" s="12" t="s">
        <v>2230</v>
      </c>
    </row>
    <row r="850" spans="1:12" ht="21.75" customHeight="1" x14ac:dyDescent="0.2">
      <c r="A850" s="5">
        <v>849</v>
      </c>
      <c r="B850" s="6" t="s">
        <v>152</v>
      </c>
      <c r="C850" s="7" t="s">
        <v>277</v>
      </c>
      <c r="D850" s="7" t="s">
        <v>2231</v>
      </c>
      <c r="E850" s="8" t="s">
        <v>2232</v>
      </c>
      <c r="F850" s="9">
        <v>0</v>
      </c>
      <c r="G850" s="5" t="s">
        <v>1965</v>
      </c>
      <c r="H850" s="7" t="s">
        <v>2233</v>
      </c>
      <c r="I850" s="10">
        <v>5021005005622</v>
      </c>
      <c r="K850" s="12">
        <v>0</v>
      </c>
      <c r="L850" s="12">
        <v>0</v>
      </c>
    </row>
    <row r="851" spans="1:12" ht="21.75" customHeight="1" x14ac:dyDescent="0.2">
      <c r="A851" s="5">
        <v>850</v>
      </c>
      <c r="B851" s="6" t="s">
        <v>152</v>
      </c>
      <c r="C851" s="7" t="s">
        <v>315</v>
      </c>
      <c r="D851" s="7" t="s">
        <v>2234</v>
      </c>
      <c r="E851" s="8" t="s">
        <v>2235</v>
      </c>
      <c r="F851" s="9">
        <v>0</v>
      </c>
      <c r="G851" s="5" t="s">
        <v>1965</v>
      </c>
      <c r="H851" s="7" t="s">
        <v>2236</v>
      </c>
      <c r="I851" s="10">
        <v>1021005005650</v>
      </c>
      <c r="K851" s="12">
        <v>0</v>
      </c>
      <c r="L851" s="12">
        <v>0</v>
      </c>
    </row>
    <row r="852" spans="1:12" ht="21.75" customHeight="1" x14ac:dyDescent="0.2">
      <c r="A852" s="5">
        <v>851</v>
      </c>
      <c r="B852" s="6" t="s">
        <v>152</v>
      </c>
      <c r="C852" s="7" t="s">
        <v>315</v>
      </c>
      <c r="D852" s="7" t="s">
        <v>2237</v>
      </c>
      <c r="E852" s="8" t="s">
        <v>2238</v>
      </c>
      <c r="F852" s="9">
        <v>0</v>
      </c>
      <c r="G852" s="5" t="s">
        <v>1965</v>
      </c>
      <c r="H852" s="7" t="s">
        <v>2239</v>
      </c>
      <c r="I852" s="10">
        <v>3021005005649</v>
      </c>
      <c r="K852" s="12">
        <v>0</v>
      </c>
      <c r="L852" s="12">
        <v>0</v>
      </c>
    </row>
    <row r="853" spans="1:12" ht="21.75" customHeight="1" x14ac:dyDescent="0.2">
      <c r="A853" s="5">
        <v>852</v>
      </c>
      <c r="B853" s="6" t="s">
        <v>152</v>
      </c>
      <c r="C853" s="7" t="s">
        <v>315</v>
      </c>
      <c r="D853" s="7" t="s">
        <v>2240</v>
      </c>
      <c r="E853" s="8" t="s">
        <v>2241</v>
      </c>
      <c r="F853" s="9">
        <v>0</v>
      </c>
      <c r="G853" s="5" t="s">
        <v>1965</v>
      </c>
      <c r="H853" s="7" t="s">
        <v>2242</v>
      </c>
      <c r="I853" s="10">
        <v>5021005005671</v>
      </c>
      <c r="K853" s="12">
        <v>0</v>
      </c>
      <c r="L853" s="12">
        <v>0</v>
      </c>
    </row>
    <row r="854" spans="1:12" ht="21.75" customHeight="1" x14ac:dyDescent="0.2">
      <c r="A854" s="5">
        <v>853</v>
      </c>
      <c r="B854" s="6" t="s">
        <v>152</v>
      </c>
      <c r="C854" s="7" t="s">
        <v>315</v>
      </c>
      <c r="D854" s="7" t="s">
        <v>2243</v>
      </c>
      <c r="E854" s="8" t="s">
        <v>2244</v>
      </c>
      <c r="F854" s="9">
        <v>0</v>
      </c>
      <c r="G854" s="5" t="s">
        <v>1965</v>
      </c>
      <c r="H854" s="7" t="s">
        <v>2245</v>
      </c>
      <c r="I854" s="10">
        <v>8021005005867</v>
      </c>
      <c r="K854" s="12">
        <v>0</v>
      </c>
      <c r="L854" s="12">
        <v>0</v>
      </c>
    </row>
    <row r="855" spans="1:12" ht="21.75" customHeight="1" x14ac:dyDescent="0.2">
      <c r="A855" s="5">
        <v>854</v>
      </c>
      <c r="B855" s="6" t="s">
        <v>152</v>
      </c>
      <c r="C855" s="7" t="s">
        <v>337</v>
      </c>
      <c r="D855" s="7" t="s">
        <v>2246</v>
      </c>
      <c r="E855" s="8" t="s">
        <v>2247</v>
      </c>
      <c r="F855" s="9">
        <v>0</v>
      </c>
      <c r="G855" s="5" t="s">
        <v>1965</v>
      </c>
      <c r="H855" s="7" t="s">
        <v>2248</v>
      </c>
      <c r="I855" s="10">
        <v>6021005005621</v>
      </c>
      <c r="K855" s="12">
        <v>0</v>
      </c>
      <c r="L855" s="12">
        <v>0</v>
      </c>
    </row>
    <row r="856" spans="1:12" ht="21.75" customHeight="1" x14ac:dyDescent="0.2">
      <c r="A856" s="5">
        <v>855</v>
      </c>
      <c r="B856" s="6" t="s">
        <v>152</v>
      </c>
      <c r="C856" s="7" t="s">
        <v>337</v>
      </c>
      <c r="D856" s="7" t="s">
        <v>793</v>
      </c>
      <c r="E856" s="8" t="s">
        <v>2249</v>
      </c>
      <c r="F856" s="9">
        <v>0</v>
      </c>
      <c r="G856" s="5" t="s">
        <v>1965</v>
      </c>
      <c r="H856" s="7" t="s">
        <v>2250</v>
      </c>
      <c r="I856" s="10">
        <v>9021005005619</v>
      </c>
      <c r="K856" s="12">
        <v>0</v>
      </c>
      <c r="L856" s="12">
        <v>0</v>
      </c>
    </row>
    <row r="857" spans="1:12" ht="21.75" customHeight="1" x14ac:dyDescent="0.2">
      <c r="A857" s="5">
        <v>856</v>
      </c>
      <c r="B857" s="6" t="s">
        <v>152</v>
      </c>
      <c r="C857" s="7" t="s">
        <v>337</v>
      </c>
      <c r="D857" s="7" t="s">
        <v>2251</v>
      </c>
      <c r="E857" s="8" t="s">
        <v>2252</v>
      </c>
      <c r="F857" s="9">
        <v>0</v>
      </c>
      <c r="G857" s="5" t="s">
        <v>1965</v>
      </c>
      <c r="H857" s="7" t="s">
        <v>2253</v>
      </c>
      <c r="I857" s="10">
        <v>2021005005658</v>
      </c>
      <c r="K857" s="12">
        <v>0</v>
      </c>
      <c r="L857" s="12">
        <v>0</v>
      </c>
    </row>
    <row r="858" spans="1:12" ht="21.75" customHeight="1" x14ac:dyDescent="0.2">
      <c r="A858" s="5">
        <v>857</v>
      </c>
      <c r="B858" s="6" t="s">
        <v>152</v>
      </c>
      <c r="C858" s="7" t="s">
        <v>337</v>
      </c>
      <c r="D858" s="7" t="s">
        <v>987</v>
      </c>
      <c r="E858" s="8" t="s">
        <v>2254</v>
      </c>
      <c r="F858" s="9">
        <v>0</v>
      </c>
      <c r="G858" s="5" t="s">
        <v>1965</v>
      </c>
      <c r="H858" s="7" t="s">
        <v>1715</v>
      </c>
      <c r="I858" s="10">
        <v>7021005005827</v>
      </c>
      <c r="K858" s="12">
        <v>0</v>
      </c>
      <c r="L858" s="12">
        <v>0</v>
      </c>
    </row>
    <row r="859" spans="1:12" ht="21.75" customHeight="1" x14ac:dyDescent="0.2">
      <c r="A859" s="5">
        <v>858</v>
      </c>
      <c r="B859" s="6" t="s">
        <v>152</v>
      </c>
      <c r="C859" s="7" t="s">
        <v>337</v>
      </c>
      <c r="D859" s="7" t="s">
        <v>2255</v>
      </c>
      <c r="E859" s="8" t="s">
        <v>2256</v>
      </c>
      <c r="F859" s="9">
        <v>0</v>
      </c>
      <c r="G859" s="5" t="s">
        <v>1965</v>
      </c>
      <c r="H859" s="7" t="s">
        <v>2257</v>
      </c>
      <c r="I859" s="10">
        <v>2021005005880</v>
      </c>
      <c r="K859" s="12">
        <v>0</v>
      </c>
      <c r="L859" s="12">
        <v>0</v>
      </c>
    </row>
    <row r="860" spans="1:12" ht="21.75" customHeight="1" x14ac:dyDescent="0.2">
      <c r="A860" s="5">
        <v>859</v>
      </c>
      <c r="B860" s="6" t="s">
        <v>152</v>
      </c>
      <c r="C860" s="7" t="s">
        <v>2258</v>
      </c>
      <c r="D860" s="7" t="s">
        <v>2259</v>
      </c>
      <c r="E860" s="8" t="s">
        <v>2260</v>
      </c>
      <c r="F860" s="9">
        <v>0</v>
      </c>
      <c r="G860" s="5" t="s">
        <v>1965</v>
      </c>
      <c r="H860" s="7" t="s">
        <v>2261</v>
      </c>
      <c r="I860" s="10">
        <v>4021005005573</v>
      </c>
      <c r="K860" s="12">
        <v>0</v>
      </c>
      <c r="L860" s="12">
        <v>0</v>
      </c>
    </row>
    <row r="861" spans="1:12" ht="21.75" customHeight="1" x14ac:dyDescent="0.2">
      <c r="A861" s="5">
        <v>860</v>
      </c>
      <c r="B861" s="6" t="s">
        <v>152</v>
      </c>
      <c r="C861" s="7" t="s">
        <v>341</v>
      </c>
      <c r="D861" s="7" t="s">
        <v>2262</v>
      </c>
      <c r="E861" s="8" t="s">
        <v>2263</v>
      </c>
      <c r="F861" s="9">
        <v>0</v>
      </c>
      <c r="G861" s="5" t="s">
        <v>1965</v>
      </c>
      <c r="H861" s="7" t="s">
        <v>2264</v>
      </c>
      <c r="I861" s="10">
        <v>7021005005562</v>
      </c>
      <c r="K861" s="12">
        <v>0</v>
      </c>
      <c r="L861" s="12">
        <v>0</v>
      </c>
    </row>
    <row r="862" spans="1:12" ht="21.75" customHeight="1" x14ac:dyDescent="0.2">
      <c r="A862" s="5">
        <v>861</v>
      </c>
      <c r="B862" s="6" t="s">
        <v>152</v>
      </c>
      <c r="C862" s="7" t="s">
        <v>341</v>
      </c>
      <c r="D862" s="7" t="s">
        <v>1233</v>
      </c>
      <c r="E862" s="8" t="s">
        <v>2265</v>
      </c>
      <c r="F862" s="9">
        <v>0</v>
      </c>
      <c r="G862" s="5" t="s">
        <v>1965</v>
      </c>
      <c r="H862" s="7" t="s">
        <v>2266</v>
      </c>
      <c r="I862" s="10">
        <v>4021005005598</v>
      </c>
      <c r="K862" s="12">
        <v>0</v>
      </c>
      <c r="L862" s="12">
        <v>0</v>
      </c>
    </row>
    <row r="863" spans="1:12" ht="21.75" customHeight="1" x14ac:dyDescent="0.2">
      <c r="A863" s="5">
        <v>862</v>
      </c>
      <c r="B863" s="6" t="s">
        <v>152</v>
      </c>
      <c r="C863" s="7" t="s">
        <v>341</v>
      </c>
      <c r="D863" s="7" t="s">
        <v>2267</v>
      </c>
      <c r="E863" s="8" t="s">
        <v>2268</v>
      </c>
      <c r="F863" s="9">
        <v>0</v>
      </c>
      <c r="G863" s="5" t="s">
        <v>1965</v>
      </c>
      <c r="H863" s="7" t="s">
        <v>2269</v>
      </c>
      <c r="I863" s="10">
        <v>6021005005670</v>
      </c>
      <c r="K863" s="12">
        <v>0</v>
      </c>
      <c r="L863" s="12">
        <v>0</v>
      </c>
    </row>
    <row r="864" spans="1:12" ht="21.75" customHeight="1" x14ac:dyDescent="0.2">
      <c r="A864" s="5">
        <v>863</v>
      </c>
      <c r="B864" s="6" t="s">
        <v>152</v>
      </c>
      <c r="C864" s="7" t="s">
        <v>341</v>
      </c>
      <c r="D864" s="7" t="s">
        <v>813</v>
      </c>
      <c r="E864" s="8" t="s">
        <v>2263</v>
      </c>
      <c r="F864" s="9">
        <v>0</v>
      </c>
      <c r="G864" s="5" t="s">
        <v>1965</v>
      </c>
      <c r="H864" s="7" t="s">
        <v>2270</v>
      </c>
      <c r="I864" s="10">
        <v>1021005005700</v>
      </c>
      <c r="K864" s="12">
        <v>0</v>
      </c>
      <c r="L864" s="12">
        <v>0</v>
      </c>
    </row>
    <row r="865" spans="1:12" ht="21.75" customHeight="1" x14ac:dyDescent="0.2">
      <c r="A865" s="5">
        <v>864</v>
      </c>
      <c r="B865" s="6" t="s">
        <v>152</v>
      </c>
      <c r="C865" s="7" t="s">
        <v>341</v>
      </c>
      <c r="D865" s="7" t="s">
        <v>2271</v>
      </c>
      <c r="E865" s="8" t="s">
        <v>2272</v>
      </c>
      <c r="F865" s="9">
        <v>0</v>
      </c>
      <c r="G865" s="5" t="s">
        <v>1965</v>
      </c>
      <c r="H865" s="7" t="s">
        <v>2273</v>
      </c>
      <c r="I865" s="10">
        <v>2021005005724</v>
      </c>
      <c r="K865" s="12">
        <v>0</v>
      </c>
      <c r="L865" s="12">
        <v>0</v>
      </c>
    </row>
    <row r="866" spans="1:12" ht="21.75" customHeight="1" x14ac:dyDescent="0.2">
      <c r="A866" s="5">
        <v>865</v>
      </c>
      <c r="B866" s="6" t="s">
        <v>152</v>
      </c>
      <c r="C866" s="7" t="s">
        <v>341</v>
      </c>
      <c r="D866" s="7" t="s">
        <v>2274</v>
      </c>
      <c r="E866" s="8" t="s">
        <v>2268</v>
      </c>
      <c r="F866" s="9">
        <v>0</v>
      </c>
      <c r="G866" s="5" t="s">
        <v>1965</v>
      </c>
      <c r="H866" s="7" t="s">
        <v>2275</v>
      </c>
      <c r="I866" s="10">
        <v>1021005005725</v>
      </c>
      <c r="K866" s="12">
        <v>0</v>
      </c>
      <c r="L866" s="12">
        <v>0</v>
      </c>
    </row>
    <row r="867" spans="1:12" ht="21.75" customHeight="1" x14ac:dyDescent="0.2">
      <c r="A867" s="5">
        <v>866</v>
      </c>
      <c r="B867" s="6" t="s">
        <v>152</v>
      </c>
      <c r="C867" s="7" t="s">
        <v>341</v>
      </c>
      <c r="D867" s="7" t="s">
        <v>2276</v>
      </c>
      <c r="E867" s="8" t="s">
        <v>2277</v>
      </c>
      <c r="F867" s="9">
        <v>0</v>
      </c>
      <c r="G867" s="5" t="s">
        <v>1965</v>
      </c>
      <c r="H867" s="7" t="s">
        <v>2278</v>
      </c>
      <c r="I867" s="10">
        <v>9021005005841</v>
      </c>
      <c r="K867" s="12">
        <v>0</v>
      </c>
      <c r="L867" s="12">
        <v>0</v>
      </c>
    </row>
    <row r="868" spans="1:12" ht="21.75" customHeight="1" x14ac:dyDescent="0.2">
      <c r="A868" s="5">
        <v>867</v>
      </c>
      <c r="B868" s="6" t="s">
        <v>152</v>
      </c>
      <c r="C868" s="7" t="s">
        <v>2279</v>
      </c>
      <c r="D868" s="7" t="s">
        <v>2280</v>
      </c>
      <c r="E868" s="8" t="s">
        <v>2281</v>
      </c>
      <c r="F868" s="9">
        <v>0</v>
      </c>
      <c r="G868" s="5" t="s">
        <v>1965</v>
      </c>
      <c r="H868" s="7" t="s">
        <v>2282</v>
      </c>
      <c r="I868" s="10">
        <v>8021005005594</v>
      </c>
      <c r="K868" s="12">
        <v>0</v>
      </c>
      <c r="L868" s="12">
        <v>0</v>
      </c>
    </row>
    <row r="869" spans="1:12" ht="21.75" customHeight="1" x14ac:dyDescent="0.2">
      <c r="A869" s="5">
        <v>868</v>
      </c>
      <c r="B869" s="6" t="s">
        <v>152</v>
      </c>
      <c r="C869" s="7" t="s">
        <v>2279</v>
      </c>
      <c r="D869" s="7" t="s">
        <v>2283</v>
      </c>
      <c r="E869" s="8" t="s">
        <v>2284</v>
      </c>
      <c r="F869" s="9">
        <v>0</v>
      </c>
      <c r="G869" s="5" t="s">
        <v>1965</v>
      </c>
      <c r="H869" s="7" t="s">
        <v>2285</v>
      </c>
      <c r="I869" s="10">
        <v>5021005005655</v>
      </c>
      <c r="K869" s="12">
        <v>0</v>
      </c>
      <c r="L869" s="12">
        <v>0</v>
      </c>
    </row>
    <row r="870" spans="1:12" ht="21.75" customHeight="1" x14ac:dyDescent="0.2">
      <c r="A870" s="5">
        <v>869</v>
      </c>
      <c r="B870" s="6" t="s">
        <v>152</v>
      </c>
      <c r="C870" s="7" t="s">
        <v>2279</v>
      </c>
      <c r="D870" s="7" t="s">
        <v>2286</v>
      </c>
      <c r="E870" s="8" t="s">
        <v>2284</v>
      </c>
      <c r="F870" s="9">
        <v>0</v>
      </c>
      <c r="G870" s="5" t="s">
        <v>1965</v>
      </c>
      <c r="H870" s="7" t="s">
        <v>2287</v>
      </c>
      <c r="I870" s="10">
        <v>8021005005719</v>
      </c>
      <c r="K870" s="12">
        <v>0</v>
      </c>
      <c r="L870" s="12">
        <v>0</v>
      </c>
    </row>
    <row r="871" spans="1:12" ht="21.75" customHeight="1" x14ac:dyDescent="0.2">
      <c r="A871" s="5">
        <v>870</v>
      </c>
      <c r="B871" s="6" t="s">
        <v>152</v>
      </c>
      <c r="C871" s="7" t="s">
        <v>2279</v>
      </c>
      <c r="D871" s="7" t="s">
        <v>2288</v>
      </c>
      <c r="E871" s="8" t="s">
        <v>2289</v>
      </c>
      <c r="F871" s="9">
        <v>0</v>
      </c>
      <c r="G871" s="5" t="s">
        <v>1965</v>
      </c>
      <c r="H871" s="7" t="s">
        <v>2290</v>
      </c>
      <c r="I871" s="10">
        <v>7021005005728</v>
      </c>
      <c r="K871" s="12">
        <v>0</v>
      </c>
      <c r="L871" s="12">
        <v>0</v>
      </c>
    </row>
    <row r="872" spans="1:12" ht="21.75" customHeight="1" x14ac:dyDescent="0.2">
      <c r="A872" s="5">
        <v>871</v>
      </c>
      <c r="B872" s="6" t="s">
        <v>152</v>
      </c>
      <c r="C872" s="7" t="s">
        <v>2279</v>
      </c>
      <c r="D872" s="7" t="s">
        <v>1730</v>
      </c>
      <c r="E872" s="8" t="s">
        <v>2291</v>
      </c>
      <c r="F872" s="9">
        <v>0</v>
      </c>
      <c r="G872" s="5" t="s">
        <v>1965</v>
      </c>
      <c r="H872" s="7" t="s">
        <v>2292</v>
      </c>
      <c r="I872" s="10">
        <v>3021005005847</v>
      </c>
      <c r="K872" s="12">
        <v>0</v>
      </c>
      <c r="L872" s="12">
        <v>0</v>
      </c>
    </row>
    <row r="873" spans="1:12" ht="21.75" customHeight="1" x14ac:dyDescent="0.2">
      <c r="A873" s="5">
        <v>872</v>
      </c>
      <c r="B873" s="6" t="s">
        <v>152</v>
      </c>
      <c r="C873" s="7" t="s">
        <v>376</v>
      </c>
      <c r="D873" s="7" t="s">
        <v>2293</v>
      </c>
      <c r="E873" s="8" t="s">
        <v>2294</v>
      </c>
      <c r="F873" s="9">
        <v>0</v>
      </c>
      <c r="G873" s="5" t="s">
        <v>1965</v>
      </c>
      <c r="H873" s="7" t="s">
        <v>2295</v>
      </c>
      <c r="I873" s="10">
        <v>8021005005578</v>
      </c>
      <c r="K873" s="12">
        <v>0</v>
      </c>
      <c r="L873" s="12">
        <v>0</v>
      </c>
    </row>
    <row r="874" spans="1:12" ht="21.75" customHeight="1" x14ac:dyDescent="0.2">
      <c r="A874" s="5">
        <v>873</v>
      </c>
      <c r="B874" s="6" t="s">
        <v>152</v>
      </c>
      <c r="C874" s="7" t="s">
        <v>376</v>
      </c>
      <c r="D874" s="7" t="s">
        <v>1325</v>
      </c>
      <c r="E874" s="8" t="s">
        <v>2296</v>
      </c>
      <c r="F874" s="9">
        <v>0</v>
      </c>
      <c r="G874" s="5" t="s">
        <v>1965</v>
      </c>
      <c r="H874" s="7" t="s">
        <v>2297</v>
      </c>
      <c r="I874" s="10">
        <v>6021005005596</v>
      </c>
      <c r="K874" s="12">
        <v>0</v>
      </c>
      <c r="L874" s="12">
        <v>0</v>
      </c>
    </row>
    <row r="875" spans="1:12" ht="21.75" customHeight="1" x14ac:dyDescent="0.2">
      <c r="A875" s="5">
        <v>874</v>
      </c>
      <c r="B875" s="6" t="s">
        <v>152</v>
      </c>
      <c r="C875" s="7" t="s">
        <v>376</v>
      </c>
      <c r="D875" s="7" t="s">
        <v>2298</v>
      </c>
      <c r="E875" s="8" t="s">
        <v>2299</v>
      </c>
      <c r="F875" s="9">
        <v>0</v>
      </c>
      <c r="G875" s="5" t="s">
        <v>1965</v>
      </c>
      <c r="H875" s="7" t="s">
        <v>2300</v>
      </c>
      <c r="I875" s="10">
        <v>7021005005595</v>
      </c>
      <c r="K875" s="12">
        <v>0</v>
      </c>
      <c r="L875" s="12">
        <v>0</v>
      </c>
    </row>
    <row r="876" spans="1:12" ht="21.75" customHeight="1" x14ac:dyDescent="0.2">
      <c r="A876" s="5">
        <v>875</v>
      </c>
      <c r="B876" s="6" t="s">
        <v>152</v>
      </c>
      <c r="C876" s="7" t="s">
        <v>376</v>
      </c>
      <c r="D876" s="7" t="s">
        <v>2301</v>
      </c>
      <c r="E876" s="8" t="s">
        <v>2296</v>
      </c>
      <c r="F876" s="9">
        <v>0</v>
      </c>
      <c r="G876" s="5" t="s">
        <v>1965</v>
      </c>
      <c r="H876" s="7" t="s">
        <v>2302</v>
      </c>
      <c r="I876" s="10">
        <v>2021005005591</v>
      </c>
      <c r="K876" s="12">
        <v>0</v>
      </c>
      <c r="L876" s="12">
        <v>0</v>
      </c>
    </row>
    <row r="877" spans="1:12" ht="21.75" customHeight="1" x14ac:dyDescent="0.2">
      <c r="A877" s="5">
        <v>876</v>
      </c>
      <c r="B877" s="6" t="s">
        <v>152</v>
      </c>
      <c r="C877" s="7" t="s">
        <v>376</v>
      </c>
      <c r="D877" s="7" t="s">
        <v>958</v>
      </c>
      <c r="E877" s="8" t="s">
        <v>2303</v>
      </c>
      <c r="F877" s="9">
        <v>0</v>
      </c>
      <c r="G877" s="5" t="s">
        <v>1965</v>
      </c>
      <c r="H877" s="7" t="s">
        <v>2304</v>
      </c>
      <c r="I877" s="10">
        <v>7021005005604</v>
      </c>
      <c r="K877" s="12">
        <v>0</v>
      </c>
      <c r="L877" s="12">
        <v>0</v>
      </c>
    </row>
    <row r="878" spans="1:12" ht="21.75" customHeight="1" x14ac:dyDescent="0.2">
      <c r="A878" s="5">
        <v>877</v>
      </c>
      <c r="B878" s="6" t="s">
        <v>152</v>
      </c>
      <c r="C878" s="7" t="s">
        <v>376</v>
      </c>
      <c r="D878" s="7" t="s">
        <v>2305</v>
      </c>
      <c r="E878" s="8" t="s">
        <v>2296</v>
      </c>
      <c r="F878" s="9">
        <v>0</v>
      </c>
      <c r="G878" s="5" t="s">
        <v>1965</v>
      </c>
      <c r="H878" s="7" t="s">
        <v>2306</v>
      </c>
      <c r="I878" s="10">
        <v>4021005005607</v>
      </c>
      <c r="K878" s="12">
        <v>0</v>
      </c>
      <c r="L878" s="12">
        <v>0</v>
      </c>
    </row>
    <row r="879" spans="1:12" ht="21.75" customHeight="1" x14ac:dyDescent="0.2">
      <c r="A879" s="5">
        <v>878</v>
      </c>
      <c r="B879" s="6" t="s">
        <v>152</v>
      </c>
      <c r="C879" s="7" t="s">
        <v>376</v>
      </c>
      <c r="D879" s="7" t="s">
        <v>2307</v>
      </c>
      <c r="E879" s="8" t="s">
        <v>381</v>
      </c>
      <c r="F879" s="9">
        <v>0</v>
      </c>
      <c r="G879" s="5" t="s">
        <v>1965</v>
      </c>
      <c r="H879" s="7" t="s">
        <v>2308</v>
      </c>
      <c r="I879" s="10">
        <v>8021005005603</v>
      </c>
      <c r="K879" s="12">
        <v>0</v>
      </c>
      <c r="L879" s="12">
        <v>0</v>
      </c>
    </row>
    <row r="880" spans="1:12" ht="21.75" customHeight="1" x14ac:dyDescent="0.2">
      <c r="A880" s="5">
        <v>879</v>
      </c>
      <c r="B880" s="6" t="s">
        <v>152</v>
      </c>
      <c r="C880" s="7" t="s">
        <v>376</v>
      </c>
      <c r="D880" s="7" t="s">
        <v>2309</v>
      </c>
      <c r="E880" s="8" t="s">
        <v>2310</v>
      </c>
      <c r="F880" s="9">
        <v>0</v>
      </c>
      <c r="G880" s="5" t="s">
        <v>1965</v>
      </c>
      <c r="H880" s="7" t="s">
        <v>2311</v>
      </c>
      <c r="I880" s="10">
        <v>9021005005602</v>
      </c>
      <c r="K880" s="12">
        <v>0</v>
      </c>
      <c r="L880" s="12">
        <v>0</v>
      </c>
    </row>
    <row r="881" spans="1:12" ht="21.75" customHeight="1" x14ac:dyDescent="0.2">
      <c r="A881" s="5">
        <v>880</v>
      </c>
      <c r="B881" s="6" t="s">
        <v>152</v>
      </c>
      <c r="C881" s="7" t="s">
        <v>376</v>
      </c>
      <c r="D881" s="7" t="s">
        <v>2312</v>
      </c>
      <c r="E881" s="8" t="s">
        <v>999</v>
      </c>
      <c r="F881" s="9">
        <v>0</v>
      </c>
      <c r="G881" s="5" t="s">
        <v>1965</v>
      </c>
      <c r="H881" s="7" t="s">
        <v>2313</v>
      </c>
      <c r="I881" s="10">
        <v>9021005005593</v>
      </c>
      <c r="K881" s="12">
        <v>0</v>
      </c>
      <c r="L881" s="12">
        <v>0</v>
      </c>
    </row>
    <row r="882" spans="1:12" ht="21.75" customHeight="1" x14ac:dyDescent="0.2">
      <c r="A882" s="5">
        <v>881</v>
      </c>
      <c r="B882" s="6" t="s">
        <v>152</v>
      </c>
      <c r="C882" s="7" t="s">
        <v>376</v>
      </c>
      <c r="D882" s="7" t="s">
        <v>2314</v>
      </c>
      <c r="E882" s="8" t="s">
        <v>2315</v>
      </c>
      <c r="F882" s="9">
        <v>0</v>
      </c>
      <c r="G882" s="5" t="s">
        <v>1965</v>
      </c>
      <c r="H882" s="7" t="s">
        <v>2316</v>
      </c>
      <c r="I882" s="10">
        <v>3021005005624</v>
      </c>
      <c r="K882" s="12">
        <v>0</v>
      </c>
      <c r="L882" s="12">
        <v>0</v>
      </c>
    </row>
    <row r="883" spans="1:12" ht="21.75" customHeight="1" x14ac:dyDescent="0.2">
      <c r="A883" s="5">
        <v>882</v>
      </c>
      <c r="B883" s="6" t="s">
        <v>152</v>
      </c>
      <c r="C883" s="7" t="s">
        <v>376</v>
      </c>
      <c r="D883" s="7" t="s">
        <v>2317</v>
      </c>
      <c r="E883" s="8" t="s">
        <v>2318</v>
      </c>
      <c r="F883" s="9">
        <v>0</v>
      </c>
      <c r="G883" s="5" t="s">
        <v>1965</v>
      </c>
      <c r="H883" s="7" t="s">
        <v>2319</v>
      </c>
      <c r="I883" s="10">
        <v>6021005005613</v>
      </c>
      <c r="K883" s="12">
        <v>0</v>
      </c>
      <c r="L883" s="12">
        <v>0</v>
      </c>
    </row>
    <row r="884" spans="1:12" ht="21.75" customHeight="1" x14ac:dyDescent="0.2">
      <c r="A884" s="5">
        <v>883</v>
      </c>
      <c r="B884" s="6" t="s">
        <v>152</v>
      </c>
      <c r="C884" s="7" t="s">
        <v>376</v>
      </c>
      <c r="D884" s="7" t="s">
        <v>2320</v>
      </c>
      <c r="E884" s="8" t="s">
        <v>2321</v>
      </c>
      <c r="F884" s="9">
        <v>0</v>
      </c>
      <c r="G884" s="5" t="s">
        <v>1965</v>
      </c>
      <c r="H884" s="7" t="s">
        <v>2322</v>
      </c>
      <c r="I884" s="10">
        <v>2021005005617</v>
      </c>
      <c r="K884" s="12">
        <v>0</v>
      </c>
      <c r="L884" s="12">
        <v>0</v>
      </c>
    </row>
    <row r="885" spans="1:12" ht="21.75" customHeight="1" x14ac:dyDescent="0.2">
      <c r="A885" s="5">
        <v>884</v>
      </c>
      <c r="B885" s="6" t="s">
        <v>152</v>
      </c>
      <c r="C885" s="7" t="s">
        <v>376</v>
      </c>
      <c r="D885" s="7" t="s">
        <v>2323</v>
      </c>
      <c r="E885" s="8" t="s">
        <v>2324</v>
      </c>
      <c r="F885" s="9">
        <v>0</v>
      </c>
      <c r="G885" s="5" t="s">
        <v>1965</v>
      </c>
      <c r="H885" s="7" t="s">
        <v>2325</v>
      </c>
      <c r="I885" s="10">
        <v>7021005005620</v>
      </c>
      <c r="K885" s="12">
        <v>0</v>
      </c>
      <c r="L885" s="12">
        <v>0</v>
      </c>
    </row>
    <row r="886" spans="1:12" ht="21.75" customHeight="1" x14ac:dyDescent="0.2">
      <c r="A886" s="5">
        <v>885</v>
      </c>
      <c r="B886" s="6" t="s">
        <v>152</v>
      </c>
      <c r="C886" s="7" t="s">
        <v>376</v>
      </c>
      <c r="D886" s="7" t="s">
        <v>2326</v>
      </c>
      <c r="E886" s="8" t="s">
        <v>2327</v>
      </c>
      <c r="F886" s="9">
        <v>0</v>
      </c>
      <c r="G886" s="5" t="s">
        <v>1965</v>
      </c>
      <c r="H886" s="7" t="s">
        <v>2328</v>
      </c>
      <c r="I886" s="10">
        <v>1021005005618</v>
      </c>
      <c r="K886" s="12">
        <v>0</v>
      </c>
      <c r="L886" s="12">
        <v>0</v>
      </c>
    </row>
    <row r="887" spans="1:12" ht="21.75" customHeight="1" x14ac:dyDescent="0.2">
      <c r="A887" s="5">
        <v>886</v>
      </c>
      <c r="B887" s="6" t="s">
        <v>152</v>
      </c>
      <c r="C887" s="7" t="s">
        <v>376</v>
      </c>
      <c r="D887" s="7" t="s">
        <v>2329</v>
      </c>
      <c r="E887" s="8" t="s">
        <v>2330</v>
      </c>
      <c r="F887" s="9">
        <v>0</v>
      </c>
      <c r="G887" s="5" t="s">
        <v>1965</v>
      </c>
      <c r="H887" s="7" t="s">
        <v>2331</v>
      </c>
      <c r="I887" s="10">
        <v>1021005005659</v>
      </c>
      <c r="K887" s="12">
        <v>0</v>
      </c>
      <c r="L887" s="12">
        <v>0</v>
      </c>
    </row>
    <row r="888" spans="1:12" ht="21.75" customHeight="1" x14ac:dyDescent="0.2">
      <c r="A888" s="5">
        <v>887</v>
      </c>
      <c r="B888" s="6" t="s">
        <v>152</v>
      </c>
      <c r="C888" s="7" t="s">
        <v>376</v>
      </c>
      <c r="D888" s="7" t="s">
        <v>798</v>
      </c>
      <c r="E888" s="8" t="s">
        <v>2332</v>
      </c>
      <c r="F888" s="9">
        <v>0</v>
      </c>
      <c r="G888" s="5" t="s">
        <v>1965</v>
      </c>
      <c r="H888" s="7" t="s">
        <v>2333</v>
      </c>
      <c r="I888" s="10">
        <v>9021005005676</v>
      </c>
      <c r="K888" s="12">
        <v>0</v>
      </c>
      <c r="L888" s="12">
        <v>0</v>
      </c>
    </row>
    <row r="889" spans="1:12" ht="21.75" customHeight="1" x14ac:dyDescent="0.2">
      <c r="A889" s="5">
        <v>888</v>
      </c>
      <c r="B889" s="6" t="s">
        <v>152</v>
      </c>
      <c r="C889" s="7" t="s">
        <v>376</v>
      </c>
      <c r="D889" s="7" t="s">
        <v>2334</v>
      </c>
      <c r="E889" s="8" t="s">
        <v>2335</v>
      </c>
      <c r="F889" s="9">
        <v>0</v>
      </c>
      <c r="G889" s="5" t="s">
        <v>1965</v>
      </c>
      <c r="H889" s="7" t="s">
        <v>2336</v>
      </c>
      <c r="I889" s="10">
        <v>1021005005675</v>
      </c>
      <c r="K889" s="12">
        <v>0</v>
      </c>
      <c r="L889" s="12">
        <v>0</v>
      </c>
    </row>
    <row r="890" spans="1:12" ht="21.75" customHeight="1" x14ac:dyDescent="0.2">
      <c r="A890" s="5">
        <v>889</v>
      </c>
      <c r="B890" s="6" t="s">
        <v>152</v>
      </c>
      <c r="C890" s="7" t="s">
        <v>376</v>
      </c>
      <c r="D890" s="7" t="s">
        <v>2337</v>
      </c>
      <c r="E890" s="8" t="s">
        <v>2338</v>
      </c>
      <c r="F890" s="9">
        <v>0</v>
      </c>
      <c r="G890" s="5" t="s">
        <v>1965</v>
      </c>
      <c r="H890" s="7" t="s">
        <v>2339</v>
      </c>
      <c r="I890" s="10">
        <v>7021005005653</v>
      </c>
      <c r="J890" s="11" t="s">
        <v>2931</v>
      </c>
      <c r="K890" s="12">
        <v>0</v>
      </c>
      <c r="L890" s="12" t="s">
        <v>2340</v>
      </c>
    </row>
    <row r="891" spans="1:12" ht="21.75" customHeight="1" x14ac:dyDescent="0.2">
      <c r="A891" s="5">
        <v>890</v>
      </c>
      <c r="B891" s="6" t="s">
        <v>152</v>
      </c>
      <c r="C891" s="7" t="s">
        <v>376</v>
      </c>
      <c r="D891" s="7" t="s">
        <v>2341</v>
      </c>
      <c r="E891" s="8" t="s">
        <v>2342</v>
      </c>
      <c r="F891" s="9">
        <v>0</v>
      </c>
      <c r="G891" s="5" t="s">
        <v>1965</v>
      </c>
      <c r="H891" s="7" t="s">
        <v>2343</v>
      </c>
      <c r="I891" s="10">
        <v>2021005005666</v>
      </c>
      <c r="K891" s="12">
        <v>0</v>
      </c>
      <c r="L891" s="12">
        <v>0</v>
      </c>
    </row>
    <row r="892" spans="1:12" ht="21.75" customHeight="1" x14ac:dyDescent="0.2">
      <c r="A892" s="5">
        <v>891</v>
      </c>
      <c r="B892" s="6" t="s">
        <v>152</v>
      </c>
      <c r="C892" s="7" t="s">
        <v>376</v>
      </c>
      <c r="D892" s="7" t="s">
        <v>2344</v>
      </c>
      <c r="E892" s="8" t="s">
        <v>381</v>
      </c>
      <c r="F892" s="9">
        <v>0</v>
      </c>
      <c r="G892" s="5" t="s">
        <v>1965</v>
      </c>
      <c r="H892" s="7" t="s">
        <v>2345</v>
      </c>
      <c r="I892" s="10">
        <v>7021005005678</v>
      </c>
      <c r="K892" s="12">
        <v>0</v>
      </c>
      <c r="L892" s="12">
        <v>0</v>
      </c>
    </row>
    <row r="893" spans="1:12" ht="21.75" customHeight="1" x14ac:dyDescent="0.2">
      <c r="A893" s="5">
        <v>892</v>
      </c>
      <c r="B893" s="6" t="s">
        <v>152</v>
      </c>
      <c r="C893" s="7" t="s">
        <v>376</v>
      </c>
      <c r="D893" s="7" t="s">
        <v>2346</v>
      </c>
      <c r="E893" s="8" t="s">
        <v>2347</v>
      </c>
      <c r="F893" s="9">
        <v>0</v>
      </c>
      <c r="G893" s="5" t="s">
        <v>1965</v>
      </c>
      <c r="H893" s="7" t="s">
        <v>2348</v>
      </c>
      <c r="I893" s="10">
        <v>9021005005486</v>
      </c>
      <c r="J893" s="11" t="s">
        <v>2931</v>
      </c>
      <c r="K893" s="12" t="s">
        <v>2349</v>
      </c>
      <c r="L893" s="12">
        <v>0</v>
      </c>
    </row>
    <row r="894" spans="1:12" ht="21.75" customHeight="1" x14ac:dyDescent="0.2">
      <c r="A894" s="5">
        <v>893</v>
      </c>
      <c r="B894" s="6" t="s">
        <v>152</v>
      </c>
      <c r="C894" s="7" t="s">
        <v>376</v>
      </c>
      <c r="D894" s="7" t="s">
        <v>2350</v>
      </c>
      <c r="E894" s="8" t="s">
        <v>2351</v>
      </c>
      <c r="F894" s="9">
        <v>0</v>
      </c>
      <c r="G894" s="5" t="s">
        <v>1965</v>
      </c>
      <c r="H894" s="7" t="s">
        <v>2352</v>
      </c>
      <c r="I894" s="10">
        <v>2021005005674</v>
      </c>
      <c r="K894" s="12">
        <v>0</v>
      </c>
      <c r="L894" s="12">
        <v>0</v>
      </c>
    </row>
    <row r="895" spans="1:12" ht="21.75" customHeight="1" x14ac:dyDescent="0.2">
      <c r="A895" s="5">
        <v>894</v>
      </c>
      <c r="B895" s="6" t="s">
        <v>152</v>
      </c>
      <c r="C895" s="7" t="s">
        <v>376</v>
      </c>
      <c r="D895" s="7" t="s">
        <v>2353</v>
      </c>
      <c r="E895" s="8" t="s">
        <v>2354</v>
      </c>
      <c r="F895" s="9">
        <v>0</v>
      </c>
      <c r="G895" s="5" t="s">
        <v>1965</v>
      </c>
      <c r="H895" s="7" t="s">
        <v>2355</v>
      </c>
      <c r="I895" s="10">
        <v>2021005005682</v>
      </c>
      <c r="K895" s="12">
        <v>0</v>
      </c>
      <c r="L895" s="12">
        <v>0</v>
      </c>
    </row>
    <row r="896" spans="1:12" ht="21.75" customHeight="1" x14ac:dyDescent="0.2">
      <c r="A896" s="5">
        <v>895</v>
      </c>
      <c r="B896" s="6" t="s">
        <v>152</v>
      </c>
      <c r="C896" s="7" t="s">
        <v>376</v>
      </c>
      <c r="D896" s="7" t="s">
        <v>2356</v>
      </c>
      <c r="E896" s="8" t="s">
        <v>2357</v>
      </c>
      <c r="F896" s="9">
        <v>0</v>
      </c>
      <c r="G896" s="5" t="s">
        <v>1965</v>
      </c>
      <c r="H896" s="7" t="s">
        <v>2358</v>
      </c>
      <c r="I896" s="10">
        <v>9021005005684</v>
      </c>
      <c r="K896" s="12">
        <v>0</v>
      </c>
      <c r="L896" s="12">
        <v>0</v>
      </c>
    </row>
    <row r="897" spans="1:12" ht="21.75" customHeight="1" x14ac:dyDescent="0.2">
      <c r="A897" s="5">
        <v>896</v>
      </c>
      <c r="B897" s="6" t="s">
        <v>152</v>
      </c>
      <c r="C897" s="7" t="s">
        <v>376</v>
      </c>
      <c r="D897" s="7" t="s">
        <v>2359</v>
      </c>
      <c r="E897" s="8" t="s">
        <v>2360</v>
      </c>
      <c r="F897" s="9">
        <v>0</v>
      </c>
      <c r="G897" s="5" t="s">
        <v>1965</v>
      </c>
      <c r="H897" s="7" t="s">
        <v>2361</v>
      </c>
      <c r="I897" s="10">
        <v>3021005005681</v>
      </c>
      <c r="K897" s="12">
        <v>0</v>
      </c>
      <c r="L897" s="12">
        <v>0</v>
      </c>
    </row>
    <row r="898" spans="1:12" ht="21.75" customHeight="1" x14ac:dyDescent="0.2">
      <c r="A898" s="5">
        <v>897</v>
      </c>
      <c r="B898" s="6" t="s">
        <v>152</v>
      </c>
      <c r="C898" s="7" t="s">
        <v>376</v>
      </c>
      <c r="D898" s="7" t="s">
        <v>2362</v>
      </c>
      <c r="E898" s="8" t="s">
        <v>2363</v>
      </c>
      <c r="F898" s="9">
        <v>0</v>
      </c>
      <c r="G898" s="5" t="s">
        <v>1965</v>
      </c>
      <c r="H898" s="7" t="s">
        <v>2364</v>
      </c>
      <c r="I898" s="10">
        <v>4021005005680</v>
      </c>
      <c r="K898" s="12">
        <v>0</v>
      </c>
      <c r="L898" s="12">
        <v>0</v>
      </c>
    </row>
    <row r="899" spans="1:12" ht="21.75" customHeight="1" x14ac:dyDescent="0.2">
      <c r="A899" s="5">
        <v>898</v>
      </c>
      <c r="B899" s="6" t="s">
        <v>152</v>
      </c>
      <c r="C899" s="7" t="s">
        <v>376</v>
      </c>
      <c r="D899" s="7" t="s">
        <v>2365</v>
      </c>
      <c r="E899" s="8" t="s">
        <v>2327</v>
      </c>
      <c r="F899" s="9">
        <v>0</v>
      </c>
      <c r="G899" s="5" t="s">
        <v>1965</v>
      </c>
      <c r="H899" s="7" t="s">
        <v>2366</v>
      </c>
      <c r="I899" s="10">
        <v>8021005005685</v>
      </c>
      <c r="K899" s="12">
        <v>0</v>
      </c>
      <c r="L899" s="12">
        <v>0</v>
      </c>
    </row>
    <row r="900" spans="1:12" ht="21.75" customHeight="1" x14ac:dyDescent="0.2">
      <c r="A900" s="5">
        <v>899</v>
      </c>
      <c r="B900" s="6" t="s">
        <v>152</v>
      </c>
      <c r="C900" s="7" t="s">
        <v>376</v>
      </c>
      <c r="D900" s="7" t="s">
        <v>2367</v>
      </c>
      <c r="E900" s="8" t="s">
        <v>2368</v>
      </c>
      <c r="F900" s="9">
        <v>0</v>
      </c>
      <c r="G900" s="5" t="s">
        <v>1965</v>
      </c>
      <c r="H900" s="7" t="s">
        <v>2369</v>
      </c>
      <c r="I900" s="10">
        <v>1021005005683</v>
      </c>
      <c r="K900" s="12">
        <v>0</v>
      </c>
      <c r="L900" s="12">
        <v>0</v>
      </c>
    </row>
    <row r="901" spans="1:12" ht="21.75" customHeight="1" x14ac:dyDescent="0.2">
      <c r="A901" s="5">
        <v>900</v>
      </c>
      <c r="B901" s="6" t="s">
        <v>152</v>
      </c>
      <c r="C901" s="7" t="s">
        <v>376</v>
      </c>
      <c r="D901" s="7" t="s">
        <v>2370</v>
      </c>
      <c r="E901" s="8" t="s">
        <v>2371</v>
      </c>
      <c r="F901" s="9">
        <v>0</v>
      </c>
      <c r="G901" s="5" t="s">
        <v>1965</v>
      </c>
      <c r="H901" s="7" t="s">
        <v>2372</v>
      </c>
      <c r="I901" s="10">
        <v>9021005005692</v>
      </c>
      <c r="K901" s="12">
        <v>0</v>
      </c>
      <c r="L901" s="12">
        <v>0</v>
      </c>
    </row>
    <row r="902" spans="1:12" ht="21.75" customHeight="1" x14ac:dyDescent="0.2">
      <c r="A902" s="5">
        <v>901</v>
      </c>
      <c r="B902" s="6" t="s">
        <v>152</v>
      </c>
      <c r="C902" s="7" t="s">
        <v>376</v>
      </c>
      <c r="D902" s="7" t="s">
        <v>2373</v>
      </c>
      <c r="E902" s="8" t="s">
        <v>2374</v>
      </c>
      <c r="F902" s="9">
        <v>0</v>
      </c>
      <c r="G902" s="5" t="s">
        <v>1965</v>
      </c>
      <c r="H902" s="7" t="s">
        <v>2375</v>
      </c>
      <c r="I902" s="10">
        <v>5021005005705</v>
      </c>
      <c r="K902" s="12">
        <v>0</v>
      </c>
      <c r="L902" s="12">
        <v>0</v>
      </c>
    </row>
    <row r="903" spans="1:12" ht="21.75" customHeight="1" x14ac:dyDescent="0.2">
      <c r="A903" s="5">
        <v>902</v>
      </c>
      <c r="B903" s="6" t="s">
        <v>152</v>
      </c>
      <c r="C903" s="7" t="s">
        <v>376</v>
      </c>
      <c r="D903" s="7" t="s">
        <v>2376</v>
      </c>
      <c r="E903" s="8" t="s">
        <v>2377</v>
      </c>
      <c r="F903" s="9">
        <v>0</v>
      </c>
      <c r="G903" s="5" t="s">
        <v>1965</v>
      </c>
      <c r="H903" s="7" t="s">
        <v>2378</v>
      </c>
      <c r="I903" s="10">
        <v>6021005005704</v>
      </c>
      <c r="K903" s="12">
        <v>0</v>
      </c>
      <c r="L903" s="12">
        <v>0</v>
      </c>
    </row>
    <row r="904" spans="1:12" ht="21.75" customHeight="1" x14ac:dyDescent="0.2">
      <c r="A904" s="5">
        <v>903</v>
      </c>
      <c r="B904" s="6" t="s">
        <v>152</v>
      </c>
      <c r="C904" s="7" t="s">
        <v>376</v>
      </c>
      <c r="D904" s="7" t="s">
        <v>241</v>
      </c>
      <c r="E904" s="8" t="s">
        <v>2379</v>
      </c>
      <c r="F904" s="9">
        <v>0</v>
      </c>
      <c r="G904" s="5" t="s">
        <v>1965</v>
      </c>
      <c r="H904" s="7" t="s">
        <v>2380</v>
      </c>
      <c r="I904" s="10">
        <v>7021005005703</v>
      </c>
      <c r="K904" s="12">
        <v>0</v>
      </c>
      <c r="L904" s="12">
        <v>0</v>
      </c>
    </row>
    <row r="905" spans="1:12" ht="21.75" customHeight="1" x14ac:dyDescent="0.2">
      <c r="A905" s="5">
        <v>904</v>
      </c>
      <c r="B905" s="6" t="s">
        <v>152</v>
      </c>
      <c r="C905" s="7" t="s">
        <v>376</v>
      </c>
      <c r="D905" s="7" t="s">
        <v>2381</v>
      </c>
      <c r="E905" s="8" t="s">
        <v>2382</v>
      </c>
      <c r="F905" s="9">
        <v>0</v>
      </c>
      <c r="G905" s="5" t="s">
        <v>1965</v>
      </c>
      <c r="H905" s="7" t="s">
        <v>2383</v>
      </c>
      <c r="I905" s="10">
        <v>4021005005730</v>
      </c>
      <c r="K905" s="12">
        <v>0</v>
      </c>
      <c r="L905" s="12">
        <v>0</v>
      </c>
    </row>
    <row r="906" spans="1:12" ht="21.75" customHeight="1" x14ac:dyDescent="0.2">
      <c r="A906" s="5">
        <v>905</v>
      </c>
      <c r="B906" s="6" t="s">
        <v>152</v>
      </c>
      <c r="C906" s="7" t="s">
        <v>376</v>
      </c>
      <c r="D906" s="7" t="s">
        <v>2384</v>
      </c>
      <c r="E906" s="8" t="s">
        <v>2385</v>
      </c>
      <c r="F906" s="9">
        <v>0</v>
      </c>
      <c r="G906" s="5" t="s">
        <v>1965</v>
      </c>
      <c r="H906" s="7" t="s">
        <v>2386</v>
      </c>
      <c r="I906" s="10">
        <v>6021005005729</v>
      </c>
      <c r="K906" s="12">
        <v>0</v>
      </c>
      <c r="L906" s="12">
        <v>0</v>
      </c>
    </row>
    <row r="907" spans="1:12" ht="21.75" customHeight="1" x14ac:dyDescent="0.2">
      <c r="A907" s="5">
        <v>906</v>
      </c>
      <c r="B907" s="6" t="s">
        <v>152</v>
      </c>
      <c r="C907" s="7" t="s">
        <v>376</v>
      </c>
      <c r="D907" s="7" t="s">
        <v>2387</v>
      </c>
      <c r="E907" s="8" t="s">
        <v>2388</v>
      </c>
      <c r="F907" s="9">
        <v>0</v>
      </c>
      <c r="G907" s="5" t="s">
        <v>1965</v>
      </c>
      <c r="H907" s="7" t="s">
        <v>2389</v>
      </c>
      <c r="I907" s="10">
        <v>3021005005731</v>
      </c>
      <c r="K907" s="12">
        <v>0</v>
      </c>
      <c r="L907" s="12">
        <v>0</v>
      </c>
    </row>
    <row r="908" spans="1:12" ht="21.75" customHeight="1" x14ac:dyDescent="0.2">
      <c r="A908" s="5">
        <v>907</v>
      </c>
      <c r="B908" s="6" t="s">
        <v>152</v>
      </c>
      <c r="C908" s="7" t="s">
        <v>376</v>
      </c>
      <c r="D908" s="7" t="s">
        <v>2390</v>
      </c>
      <c r="E908" s="8" t="s">
        <v>2391</v>
      </c>
      <c r="F908" s="9">
        <v>0</v>
      </c>
      <c r="G908" s="5" t="s">
        <v>1965</v>
      </c>
      <c r="H908" s="7" t="s">
        <v>2392</v>
      </c>
      <c r="I908" s="10">
        <v>5021005005853</v>
      </c>
      <c r="K908" s="12">
        <v>0</v>
      </c>
      <c r="L908" s="12">
        <v>0</v>
      </c>
    </row>
    <row r="909" spans="1:12" ht="21.75" customHeight="1" x14ac:dyDescent="0.2">
      <c r="A909" s="5">
        <v>908</v>
      </c>
      <c r="B909" s="6" t="s">
        <v>152</v>
      </c>
      <c r="C909" s="7" t="s">
        <v>376</v>
      </c>
      <c r="D909" s="7" t="s">
        <v>2393</v>
      </c>
      <c r="E909" s="8" t="s">
        <v>2394</v>
      </c>
      <c r="F909" s="9">
        <v>0</v>
      </c>
      <c r="G909" s="5" t="s">
        <v>1965</v>
      </c>
      <c r="H909" s="7" t="s">
        <v>2395</v>
      </c>
      <c r="I909" s="10">
        <v>9021005005825</v>
      </c>
      <c r="K909" s="12">
        <v>0</v>
      </c>
      <c r="L909" s="12">
        <v>0</v>
      </c>
    </row>
    <row r="910" spans="1:12" ht="21.75" customHeight="1" x14ac:dyDescent="0.2">
      <c r="A910" s="5">
        <v>909</v>
      </c>
      <c r="B910" s="6" t="s">
        <v>152</v>
      </c>
      <c r="C910" s="7" t="s">
        <v>376</v>
      </c>
      <c r="D910" s="7" t="s">
        <v>521</v>
      </c>
      <c r="E910" s="8" t="s">
        <v>2396</v>
      </c>
      <c r="F910" s="9">
        <v>0</v>
      </c>
      <c r="G910" s="5" t="s">
        <v>1965</v>
      </c>
      <c r="H910" s="7" t="s">
        <v>2397</v>
      </c>
      <c r="I910" s="10">
        <v>1021005005824</v>
      </c>
      <c r="K910" s="12">
        <v>0</v>
      </c>
      <c r="L910" s="12">
        <v>0</v>
      </c>
    </row>
    <row r="911" spans="1:12" ht="21.75" customHeight="1" x14ac:dyDescent="0.2">
      <c r="A911" s="5">
        <v>910</v>
      </c>
      <c r="B911" s="6" t="s">
        <v>152</v>
      </c>
      <c r="C911" s="7" t="s">
        <v>376</v>
      </c>
      <c r="D911" s="7" t="s">
        <v>2398</v>
      </c>
      <c r="E911" s="8" t="s">
        <v>2318</v>
      </c>
      <c r="F911" s="9">
        <v>0</v>
      </c>
      <c r="G911" s="5" t="s">
        <v>1965</v>
      </c>
      <c r="H911" s="7" t="s">
        <v>2399</v>
      </c>
      <c r="I911" s="10">
        <v>8021005005826</v>
      </c>
      <c r="K911" s="12">
        <v>0</v>
      </c>
      <c r="L911" s="12">
        <v>0</v>
      </c>
    </row>
    <row r="912" spans="1:12" ht="21.75" customHeight="1" x14ac:dyDescent="0.2">
      <c r="A912" s="5">
        <v>911</v>
      </c>
      <c r="B912" s="6" t="s">
        <v>152</v>
      </c>
      <c r="C912" s="7" t="s">
        <v>376</v>
      </c>
      <c r="D912" s="7" t="s">
        <v>2400</v>
      </c>
      <c r="E912" s="8" t="s">
        <v>2401</v>
      </c>
      <c r="F912" s="9">
        <v>0</v>
      </c>
      <c r="G912" s="5" t="s">
        <v>1965</v>
      </c>
      <c r="H912" s="7" t="s">
        <v>2402</v>
      </c>
      <c r="I912" s="10">
        <v>2021005005848</v>
      </c>
      <c r="K912" s="12">
        <v>0</v>
      </c>
      <c r="L912" s="12">
        <v>0</v>
      </c>
    </row>
    <row r="913" spans="1:12" ht="21.75" customHeight="1" x14ac:dyDescent="0.2">
      <c r="A913" s="5">
        <v>912</v>
      </c>
      <c r="B913" s="6" t="s">
        <v>152</v>
      </c>
      <c r="C913" s="7" t="s">
        <v>376</v>
      </c>
      <c r="D913" s="7" t="s">
        <v>2403</v>
      </c>
      <c r="E913" s="8" t="s">
        <v>2404</v>
      </c>
      <c r="F913" s="9">
        <v>0</v>
      </c>
      <c r="G913" s="5" t="s">
        <v>1965</v>
      </c>
      <c r="H913" s="7" t="s">
        <v>2405</v>
      </c>
      <c r="I913" s="10">
        <v>5021005005845</v>
      </c>
      <c r="J913" s="11" t="s">
        <v>2931</v>
      </c>
      <c r="K913" s="12" t="s">
        <v>2406</v>
      </c>
      <c r="L913" s="12">
        <v>0</v>
      </c>
    </row>
    <row r="914" spans="1:12" ht="21.75" customHeight="1" x14ac:dyDescent="0.2">
      <c r="A914" s="5">
        <v>913</v>
      </c>
      <c r="B914" s="6" t="s">
        <v>152</v>
      </c>
      <c r="C914" s="7" t="s">
        <v>376</v>
      </c>
      <c r="D914" s="7" t="s">
        <v>2407</v>
      </c>
      <c r="E914" s="8" t="s">
        <v>2408</v>
      </c>
      <c r="F914" s="9">
        <v>0</v>
      </c>
      <c r="G914" s="5" t="s">
        <v>1965</v>
      </c>
      <c r="H914" s="7" t="s">
        <v>2409</v>
      </c>
      <c r="I914" s="10">
        <v>4021005005846</v>
      </c>
      <c r="K914" s="12">
        <v>0</v>
      </c>
      <c r="L914" s="12">
        <v>0</v>
      </c>
    </row>
    <row r="915" spans="1:12" ht="21.75" customHeight="1" x14ac:dyDescent="0.2">
      <c r="A915" s="5">
        <v>914</v>
      </c>
      <c r="B915" s="6" t="s">
        <v>152</v>
      </c>
      <c r="C915" s="7" t="s">
        <v>376</v>
      </c>
      <c r="D915" s="7" t="s">
        <v>2410</v>
      </c>
      <c r="E915" s="8" t="s">
        <v>2411</v>
      </c>
      <c r="F915" s="9">
        <v>0</v>
      </c>
      <c r="G915" s="5" t="s">
        <v>1965</v>
      </c>
      <c r="H915" s="7" t="s">
        <v>2412</v>
      </c>
      <c r="I915" s="10">
        <v>7021005005868</v>
      </c>
      <c r="K915" s="12">
        <v>0</v>
      </c>
      <c r="L915" s="12">
        <v>0</v>
      </c>
    </row>
    <row r="916" spans="1:12" ht="21.75" customHeight="1" x14ac:dyDescent="0.2">
      <c r="A916" s="5">
        <v>915</v>
      </c>
      <c r="B916" s="6" t="s">
        <v>152</v>
      </c>
      <c r="C916" s="7" t="s">
        <v>376</v>
      </c>
      <c r="D916" s="7" t="s">
        <v>2413</v>
      </c>
      <c r="E916" s="8" t="s">
        <v>2414</v>
      </c>
      <c r="F916" s="9">
        <v>0</v>
      </c>
      <c r="G916" s="5" t="s">
        <v>1965</v>
      </c>
      <c r="H916" s="7" t="s">
        <v>2415</v>
      </c>
      <c r="I916" s="10">
        <v>2021005005872</v>
      </c>
      <c r="K916" s="12">
        <v>0</v>
      </c>
      <c r="L916" s="12">
        <v>0</v>
      </c>
    </row>
    <row r="917" spans="1:12" ht="21.75" customHeight="1" x14ac:dyDescent="0.2">
      <c r="A917" s="5">
        <v>916</v>
      </c>
      <c r="B917" s="6" t="s">
        <v>152</v>
      </c>
      <c r="C917" s="7" t="s">
        <v>376</v>
      </c>
      <c r="D917" s="7" t="s">
        <v>2416</v>
      </c>
      <c r="E917" s="8" t="s">
        <v>2417</v>
      </c>
      <c r="F917" s="9">
        <v>0</v>
      </c>
      <c r="G917" s="5" t="s">
        <v>1965</v>
      </c>
      <c r="H917" s="7" t="s">
        <v>2418</v>
      </c>
      <c r="I917" s="10">
        <v>3021005005871</v>
      </c>
      <c r="K917" s="12">
        <v>0</v>
      </c>
      <c r="L917" s="12">
        <v>0</v>
      </c>
    </row>
    <row r="918" spans="1:12" ht="21.75" customHeight="1" x14ac:dyDescent="0.2">
      <c r="A918" s="5">
        <v>917</v>
      </c>
      <c r="B918" s="6" t="s">
        <v>152</v>
      </c>
      <c r="C918" s="7" t="s">
        <v>376</v>
      </c>
      <c r="D918" s="7" t="s">
        <v>2419</v>
      </c>
      <c r="E918" s="8" t="s">
        <v>2420</v>
      </c>
      <c r="F918" s="9">
        <v>0</v>
      </c>
      <c r="G918" s="5" t="s">
        <v>1965</v>
      </c>
      <c r="H918" s="7" t="s">
        <v>2421</v>
      </c>
      <c r="I918" s="10">
        <v>4021005005879</v>
      </c>
      <c r="K918" s="12">
        <v>0</v>
      </c>
      <c r="L918" s="12">
        <v>0</v>
      </c>
    </row>
    <row r="919" spans="1:12" ht="21.75" customHeight="1" x14ac:dyDescent="0.2">
      <c r="A919" s="5">
        <v>918</v>
      </c>
      <c r="B919" s="6" t="s">
        <v>152</v>
      </c>
      <c r="C919" s="7" t="s">
        <v>2422</v>
      </c>
      <c r="D919" s="7" t="s">
        <v>377</v>
      </c>
      <c r="E919" s="8" t="s">
        <v>2423</v>
      </c>
      <c r="F919" s="9">
        <v>0</v>
      </c>
      <c r="G919" s="5" t="s">
        <v>1965</v>
      </c>
      <c r="H919" s="7" t="s">
        <v>2424</v>
      </c>
      <c r="I919" s="10">
        <v>7021005005661</v>
      </c>
      <c r="K919" s="12">
        <v>0</v>
      </c>
      <c r="L919" s="12">
        <v>0</v>
      </c>
    </row>
    <row r="920" spans="1:12" ht="21.75" customHeight="1" x14ac:dyDescent="0.2">
      <c r="A920" s="5">
        <v>919</v>
      </c>
      <c r="B920" s="6" t="s">
        <v>152</v>
      </c>
      <c r="C920" s="7" t="s">
        <v>2422</v>
      </c>
      <c r="D920" s="7" t="s">
        <v>2425</v>
      </c>
      <c r="E920" s="8" t="s">
        <v>2426</v>
      </c>
      <c r="F920" s="9">
        <v>0</v>
      </c>
      <c r="G920" s="5" t="s">
        <v>1965</v>
      </c>
      <c r="H920" s="7" t="s">
        <v>2427</v>
      </c>
      <c r="I920" s="10">
        <v>6021005005662</v>
      </c>
      <c r="K920" s="12">
        <v>0</v>
      </c>
      <c r="L920" s="12">
        <v>0</v>
      </c>
    </row>
    <row r="921" spans="1:12" ht="21.75" customHeight="1" x14ac:dyDescent="0.2">
      <c r="A921" s="5">
        <v>920</v>
      </c>
      <c r="B921" s="6" t="s">
        <v>152</v>
      </c>
      <c r="C921" s="7" t="s">
        <v>406</v>
      </c>
      <c r="D921" s="7" t="s">
        <v>2428</v>
      </c>
      <c r="E921" s="8" t="s">
        <v>2429</v>
      </c>
      <c r="F921" s="9">
        <v>0</v>
      </c>
      <c r="G921" s="5" t="s">
        <v>1965</v>
      </c>
      <c r="H921" s="7" t="s">
        <v>2430</v>
      </c>
      <c r="I921" s="10">
        <v>6021005005555</v>
      </c>
      <c r="K921" s="12">
        <v>0</v>
      </c>
      <c r="L921" s="12">
        <v>0</v>
      </c>
    </row>
    <row r="922" spans="1:12" ht="21.75" customHeight="1" x14ac:dyDescent="0.2">
      <c r="A922" s="5">
        <v>921</v>
      </c>
      <c r="B922" s="6" t="s">
        <v>152</v>
      </c>
      <c r="C922" s="7" t="s">
        <v>406</v>
      </c>
      <c r="D922" s="7" t="s">
        <v>2431</v>
      </c>
      <c r="E922" s="8" t="s">
        <v>2432</v>
      </c>
      <c r="F922" s="9">
        <v>0</v>
      </c>
      <c r="G922" s="5" t="s">
        <v>1965</v>
      </c>
      <c r="H922" s="7" t="s">
        <v>2433</v>
      </c>
      <c r="I922" s="10">
        <v>5021005005572</v>
      </c>
      <c r="K922" s="12">
        <v>0</v>
      </c>
      <c r="L922" s="12">
        <v>0</v>
      </c>
    </row>
    <row r="923" spans="1:12" ht="21.75" customHeight="1" x14ac:dyDescent="0.2">
      <c r="A923" s="5">
        <v>922</v>
      </c>
      <c r="B923" s="6" t="s">
        <v>152</v>
      </c>
      <c r="C923" s="7" t="s">
        <v>406</v>
      </c>
      <c r="D923" s="7" t="s">
        <v>2434</v>
      </c>
      <c r="E923" s="8" t="s">
        <v>2435</v>
      </c>
      <c r="F923" s="9">
        <v>0</v>
      </c>
      <c r="G923" s="5" t="s">
        <v>1965</v>
      </c>
      <c r="H923" s="7" t="s">
        <v>2436</v>
      </c>
      <c r="I923" s="10">
        <v>5021005005580</v>
      </c>
      <c r="K923" s="12">
        <v>0</v>
      </c>
      <c r="L923" s="12">
        <v>0</v>
      </c>
    </row>
    <row r="924" spans="1:12" ht="21.75" customHeight="1" x14ac:dyDescent="0.2">
      <c r="A924" s="5">
        <v>923</v>
      </c>
      <c r="B924" s="6" t="s">
        <v>152</v>
      </c>
      <c r="C924" s="7" t="s">
        <v>406</v>
      </c>
      <c r="D924" s="7" t="s">
        <v>2437</v>
      </c>
      <c r="E924" s="8" t="s">
        <v>2438</v>
      </c>
      <c r="F924" s="9">
        <v>0</v>
      </c>
      <c r="G924" s="5" t="s">
        <v>1965</v>
      </c>
      <c r="H924" s="7" t="s">
        <v>2439</v>
      </c>
      <c r="I924" s="10">
        <v>7021005005612</v>
      </c>
      <c r="K924" s="12">
        <v>0</v>
      </c>
      <c r="L924" s="12">
        <v>0</v>
      </c>
    </row>
    <row r="925" spans="1:12" ht="21.75" customHeight="1" x14ac:dyDescent="0.2">
      <c r="A925" s="5">
        <v>924</v>
      </c>
      <c r="B925" s="6" t="s">
        <v>152</v>
      </c>
      <c r="C925" s="7" t="s">
        <v>406</v>
      </c>
      <c r="D925" s="7" t="s">
        <v>1460</v>
      </c>
      <c r="E925" s="8" t="s">
        <v>2440</v>
      </c>
      <c r="F925" s="9">
        <v>0</v>
      </c>
      <c r="G925" s="5" t="s">
        <v>1965</v>
      </c>
      <c r="H925" s="7" t="s">
        <v>2441</v>
      </c>
      <c r="I925" s="10">
        <v>6021005005605</v>
      </c>
      <c r="K925" s="12">
        <v>0</v>
      </c>
      <c r="L925" s="12">
        <v>0</v>
      </c>
    </row>
    <row r="926" spans="1:12" ht="21.75" customHeight="1" x14ac:dyDescent="0.2">
      <c r="A926" s="5">
        <v>925</v>
      </c>
      <c r="B926" s="6" t="s">
        <v>152</v>
      </c>
      <c r="C926" s="7" t="s">
        <v>406</v>
      </c>
      <c r="D926" s="7" t="s">
        <v>2442</v>
      </c>
      <c r="E926" s="8" t="s">
        <v>2443</v>
      </c>
      <c r="F926" s="9">
        <v>0</v>
      </c>
      <c r="G926" s="5" t="s">
        <v>1965</v>
      </c>
      <c r="H926" s="7" t="s">
        <v>2444</v>
      </c>
      <c r="I926" s="10">
        <v>8021005005611</v>
      </c>
      <c r="K926" s="12">
        <v>0</v>
      </c>
      <c r="L926" s="12">
        <v>0</v>
      </c>
    </row>
    <row r="927" spans="1:12" ht="21.75" customHeight="1" x14ac:dyDescent="0.2">
      <c r="A927" s="5">
        <v>926</v>
      </c>
      <c r="B927" s="6" t="s">
        <v>152</v>
      </c>
      <c r="C927" s="7" t="s">
        <v>406</v>
      </c>
      <c r="D927" s="7" t="s">
        <v>793</v>
      </c>
      <c r="E927" s="8" t="s">
        <v>2445</v>
      </c>
      <c r="F927" s="9">
        <v>0</v>
      </c>
      <c r="G927" s="5" t="s">
        <v>1965</v>
      </c>
      <c r="H927" s="7" t="s">
        <v>2446</v>
      </c>
      <c r="I927" s="10">
        <v>9021005005610</v>
      </c>
      <c r="K927" s="12">
        <v>0</v>
      </c>
      <c r="L927" s="12">
        <v>0</v>
      </c>
    </row>
    <row r="928" spans="1:12" ht="21.75" customHeight="1" x14ac:dyDescent="0.2">
      <c r="A928" s="5">
        <v>927</v>
      </c>
      <c r="B928" s="6" t="s">
        <v>152</v>
      </c>
      <c r="C928" s="7" t="s">
        <v>406</v>
      </c>
      <c r="D928" s="7" t="s">
        <v>2447</v>
      </c>
      <c r="E928" s="8" t="s">
        <v>2448</v>
      </c>
      <c r="F928" s="9" t="s">
        <v>163</v>
      </c>
      <c r="G928" s="5" t="s">
        <v>1965</v>
      </c>
      <c r="H928" s="7" t="s">
        <v>2449</v>
      </c>
      <c r="I928" s="10">
        <v>8021005005660</v>
      </c>
      <c r="K928" s="12">
        <v>0</v>
      </c>
      <c r="L928" s="12">
        <v>0</v>
      </c>
    </row>
    <row r="929" spans="1:12" ht="21.75" customHeight="1" x14ac:dyDescent="0.2">
      <c r="A929" s="5">
        <v>928</v>
      </c>
      <c r="B929" s="6" t="s">
        <v>152</v>
      </c>
      <c r="C929" s="7" t="s">
        <v>406</v>
      </c>
      <c r="D929" s="7" t="s">
        <v>2450</v>
      </c>
      <c r="E929" s="8" t="s">
        <v>2451</v>
      </c>
      <c r="F929" s="9">
        <v>0</v>
      </c>
      <c r="G929" s="5" t="s">
        <v>1965</v>
      </c>
      <c r="H929" s="7" t="s">
        <v>2452</v>
      </c>
      <c r="I929" s="10">
        <v>6021005005638</v>
      </c>
      <c r="K929" s="12">
        <v>0</v>
      </c>
      <c r="L929" s="12">
        <v>0</v>
      </c>
    </row>
    <row r="930" spans="1:12" ht="21.75" customHeight="1" x14ac:dyDescent="0.2">
      <c r="A930" s="5">
        <v>929</v>
      </c>
      <c r="B930" s="6" t="s">
        <v>152</v>
      </c>
      <c r="C930" s="7" t="s">
        <v>406</v>
      </c>
      <c r="D930" s="7" t="s">
        <v>419</v>
      </c>
      <c r="E930" s="8" t="s">
        <v>2448</v>
      </c>
      <c r="F930" s="9">
        <v>0</v>
      </c>
      <c r="G930" s="5" t="s">
        <v>1965</v>
      </c>
      <c r="H930" s="7" t="s">
        <v>2453</v>
      </c>
      <c r="I930" s="10">
        <v>7021005005637</v>
      </c>
      <c r="K930" s="12">
        <v>0</v>
      </c>
      <c r="L930" s="12">
        <v>0</v>
      </c>
    </row>
    <row r="931" spans="1:12" ht="21.75" customHeight="1" x14ac:dyDescent="0.2">
      <c r="A931" s="5">
        <v>930</v>
      </c>
      <c r="B931" s="6" t="s">
        <v>152</v>
      </c>
      <c r="C931" s="7" t="s">
        <v>406</v>
      </c>
      <c r="D931" s="7" t="s">
        <v>2454</v>
      </c>
      <c r="E931" s="8" t="s">
        <v>2455</v>
      </c>
      <c r="F931" s="9">
        <v>0</v>
      </c>
      <c r="G931" s="5" t="s">
        <v>1965</v>
      </c>
      <c r="H931" s="7" t="s">
        <v>2456</v>
      </c>
      <c r="I931" s="10">
        <v>1021005005667</v>
      </c>
      <c r="K931" s="12">
        <v>0</v>
      </c>
      <c r="L931" s="12">
        <v>0</v>
      </c>
    </row>
    <row r="932" spans="1:12" ht="21.75" customHeight="1" x14ac:dyDescent="0.2">
      <c r="A932" s="5">
        <v>931</v>
      </c>
      <c r="B932" s="6" t="s">
        <v>152</v>
      </c>
      <c r="C932" s="7" t="s">
        <v>406</v>
      </c>
      <c r="D932" s="7" t="s">
        <v>2457</v>
      </c>
      <c r="E932" s="8" t="s">
        <v>2458</v>
      </c>
      <c r="F932" s="9">
        <v>0</v>
      </c>
      <c r="G932" s="5" t="s">
        <v>1965</v>
      </c>
      <c r="H932" s="7" t="s">
        <v>2459</v>
      </c>
      <c r="I932" s="10">
        <v>7021005005686</v>
      </c>
      <c r="K932" s="12">
        <v>0</v>
      </c>
      <c r="L932" s="12">
        <v>0</v>
      </c>
    </row>
    <row r="933" spans="1:12" ht="21.75" customHeight="1" x14ac:dyDescent="0.2">
      <c r="A933" s="5">
        <v>932</v>
      </c>
      <c r="B933" s="6" t="s">
        <v>152</v>
      </c>
      <c r="C933" s="7" t="s">
        <v>406</v>
      </c>
      <c r="D933" s="7" t="s">
        <v>2460</v>
      </c>
      <c r="E933" s="8" t="s">
        <v>2461</v>
      </c>
      <c r="F933" s="9">
        <v>0</v>
      </c>
      <c r="G933" s="5" t="s">
        <v>1965</v>
      </c>
      <c r="H933" s="7" t="s">
        <v>2462</v>
      </c>
      <c r="I933" s="10">
        <v>6021005005687</v>
      </c>
      <c r="K933" s="12">
        <v>0</v>
      </c>
      <c r="L933" s="12">
        <v>0</v>
      </c>
    </row>
    <row r="934" spans="1:12" ht="21.75" customHeight="1" x14ac:dyDescent="0.2">
      <c r="A934" s="5">
        <v>933</v>
      </c>
      <c r="B934" s="6" t="s">
        <v>152</v>
      </c>
      <c r="C934" s="7" t="s">
        <v>406</v>
      </c>
      <c r="D934" s="7" t="s">
        <v>235</v>
      </c>
      <c r="E934" s="8" t="s">
        <v>2463</v>
      </c>
      <c r="F934" s="9">
        <v>0</v>
      </c>
      <c r="G934" s="5" t="s">
        <v>1965</v>
      </c>
      <c r="H934" s="7" t="s">
        <v>2464</v>
      </c>
      <c r="I934" s="10">
        <v>2021005005699</v>
      </c>
      <c r="K934" s="12">
        <v>0</v>
      </c>
      <c r="L934" s="12">
        <v>0</v>
      </c>
    </row>
    <row r="935" spans="1:12" ht="21.75" customHeight="1" x14ac:dyDescent="0.2">
      <c r="A935" s="5">
        <v>934</v>
      </c>
      <c r="B935" s="6" t="s">
        <v>152</v>
      </c>
      <c r="C935" s="7" t="s">
        <v>406</v>
      </c>
      <c r="D935" s="7" t="s">
        <v>2465</v>
      </c>
      <c r="E935" s="8" t="s">
        <v>2466</v>
      </c>
      <c r="F935" s="9">
        <v>0</v>
      </c>
      <c r="G935" s="5" t="s">
        <v>1965</v>
      </c>
      <c r="H935" s="7" t="s">
        <v>2467</v>
      </c>
      <c r="I935" s="10">
        <v>2020005004050</v>
      </c>
      <c r="K935" s="12">
        <v>0</v>
      </c>
      <c r="L935" s="12">
        <v>0</v>
      </c>
    </row>
    <row r="936" spans="1:12" ht="21.75" customHeight="1" x14ac:dyDescent="0.2">
      <c r="A936" s="5">
        <v>935</v>
      </c>
      <c r="B936" s="6" t="s">
        <v>152</v>
      </c>
      <c r="C936" s="7" t="s">
        <v>406</v>
      </c>
      <c r="D936" s="7" t="s">
        <v>2468</v>
      </c>
      <c r="E936" s="8" t="s">
        <v>2469</v>
      </c>
      <c r="F936" s="9">
        <v>0</v>
      </c>
      <c r="G936" s="5" t="s">
        <v>1965</v>
      </c>
      <c r="H936" s="7" t="s">
        <v>2470</v>
      </c>
      <c r="I936" s="10">
        <v>3021005009220</v>
      </c>
      <c r="K936" s="12">
        <v>0</v>
      </c>
      <c r="L936" s="12">
        <v>0</v>
      </c>
    </row>
    <row r="937" spans="1:12" ht="21.75" customHeight="1" x14ac:dyDescent="0.2">
      <c r="A937" s="5">
        <v>936</v>
      </c>
      <c r="B937" s="6" t="s">
        <v>152</v>
      </c>
      <c r="C937" s="7" t="s">
        <v>406</v>
      </c>
      <c r="D937" s="7" t="s">
        <v>2471</v>
      </c>
      <c r="E937" s="8" t="s">
        <v>2472</v>
      </c>
      <c r="F937" s="9">
        <v>0</v>
      </c>
      <c r="G937" s="5" t="s">
        <v>1965</v>
      </c>
      <c r="H937" s="7" t="s">
        <v>2473</v>
      </c>
      <c r="I937" s="10">
        <v>6021005005836</v>
      </c>
      <c r="K937" s="12">
        <v>0</v>
      </c>
      <c r="L937" s="12">
        <v>0</v>
      </c>
    </row>
    <row r="938" spans="1:12" ht="21.75" customHeight="1" x14ac:dyDescent="0.2">
      <c r="A938" s="5">
        <v>937</v>
      </c>
      <c r="B938" s="6" t="s">
        <v>152</v>
      </c>
      <c r="C938" s="7" t="s">
        <v>406</v>
      </c>
      <c r="D938" s="7" t="s">
        <v>2474</v>
      </c>
      <c r="E938" s="8" t="s">
        <v>2475</v>
      </c>
      <c r="F938" s="9">
        <v>0</v>
      </c>
      <c r="G938" s="5" t="s">
        <v>1965</v>
      </c>
      <c r="H938" s="7" t="s">
        <v>2476</v>
      </c>
      <c r="I938" s="10">
        <v>2021005005831</v>
      </c>
      <c r="K938" s="12">
        <v>0</v>
      </c>
      <c r="L938" s="12">
        <v>0</v>
      </c>
    </row>
    <row r="939" spans="1:12" ht="21.75" customHeight="1" x14ac:dyDescent="0.2">
      <c r="A939" s="5">
        <v>938</v>
      </c>
      <c r="B939" s="6" t="s">
        <v>152</v>
      </c>
      <c r="C939" s="7" t="s">
        <v>406</v>
      </c>
      <c r="D939" s="7" t="s">
        <v>2477</v>
      </c>
      <c r="E939" s="8" t="s">
        <v>2478</v>
      </c>
      <c r="F939" s="9">
        <v>0</v>
      </c>
      <c r="G939" s="5" t="s">
        <v>1965</v>
      </c>
      <c r="H939" s="7" t="s">
        <v>2479</v>
      </c>
      <c r="I939" s="10">
        <v>9021005005833</v>
      </c>
      <c r="K939" s="12">
        <v>0</v>
      </c>
      <c r="L939" s="12">
        <v>0</v>
      </c>
    </row>
    <row r="940" spans="1:12" ht="21.75" customHeight="1" x14ac:dyDescent="0.2">
      <c r="A940" s="5">
        <v>939</v>
      </c>
      <c r="B940" s="6" t="s">
        <v>152</v>
      </c>
      <c r="C940" s="7" t="s">
        <v>406</v>
      </c>
      <c r="D940" s="7" t="s">
        <v>312</v>
      </c>
      <c r="E940" s="8" t="s">
        <v>2469</v>
      </c>
      <c r="F940" s="9">
        <v>0</v>
      </c>
      <c r="G940" s="5" t="s">
        <v>1965</v>
      </c>
      <c r="H940" s="7" t="s">
        <v>2470</v>
      </c>
      <c r="I940" s="10">
        <v>3021005005839</v>
      </c>
      <c r="K940" s="12">
        <v>0</v>
      </c>
      <c r="L940" s="12">
        <v>0</v>
      </c>
    </row>
    <row r="941" spans="1:12" ht="21.75" customHeight="1" x14ac:dyDescent="0.2">
      <c r="A941" s="5">
        <v>940</v>
      </c>
      <c r="B941" s="6" t="s">
        <v>152</v>
      </c>
      <c r="C941" s="7" t="s">
        <v>406</v>
      </c>
      <c r="D941" s="7" t="s">
        <v>2480</v>
      </c>
      <c r="E941" s="8" t="s">
        <v>2481</v>
      </c>
      <c r="F941" s="9">
        <v>0</v>
      </c>
      <c r="G941" s="5" t="s">
        <v>1965</v>
      </c>
      <c r="H941" s="7" t="s">
        <v>2482</v>
      </c>
      <c r="I941" s="10">
        <v>5021005005837</v>
      </c>
      <c r="K941" s="12">
        <v>0</v>
      </c>
      <c r="L941" s="12">
        <v>0</v>
      </c>
    </row>
    <row r="942" spans="1:12" ht="21.75" customHeight="1" x14ac:dyDescent="0.2">
      <c r="A942" s="5">
        <v>941</v>
      </c>
      <c r="B942" s="6" t="s">
        <v>152</v>
      </c>
      <c r="C942" s="7" t="s">
        <v>406</v>
      </c>
      <c r="D942" s="7" t="s">
        <v>2483</v>
      </c>
      <c r="E942" s="8" t="s">
        <v>2484</v>
      </c>
      <c r="F942" s="9">
        <v>0</v>
      </c>
      <c r="G942" s="5" t="s">
        <v>1965</v>
      </c>
      <c r="H942" s="7" t="s">
        <v>2485</v>
      </c>
      <c r="I942" s="10">
        <v>1021005005832</v>
      </c>
      <c r="K942" s="12">
        <v>0</v>
      </c>
      <c r="L942" s="12">
        <v>0</v>
      </c>
    </row>
    <row r="943" spans="1:12" ht="21.75" customHeight="1" x14ac:dyDescent="0.2">
      <c r="A943" s="5">
        <v>942</v>
      </c>
      <c r="B943" s="6" t="s">
        <v>152</v>
      </c>
      <c r="C943" s="7" t="s">
        <v>406</v>
      </c>
      <c r="D943" s="7" t="s">
        <v>2486</v>
      </c>
      <c r="E943" s="8" t="s">
        <v>2487</v>
      </c>
      <c r="F943" s="9">
        <v>0</v>
      </c>
      <c r="G943" s="5" t="s">
        <v>1965</v>
      </c>
      <c r="H943" s="7" t="s">
        <v>2488</v>
      </c>
      <c r="I943" s="10">
        <v>3021005005830</v>
      </c>
      <c r="K943" s="12">
        <v>0</v>
      </c>
      <c r="L943" s="12">
        <v>0</v>
      </c>
    </row>
    <row r="944" spans="1:12" ht="21.75" customHeight="1" x14ac:dyDescent="0.2">
      <c r="A944" s="5">
        <v>943</v>
      </c>
      <c r="B944" s="6" t="s">
        <v>152</v>
      </c>
      <c r="C944" s="7" t="s">
        <v>406</v>
      </c>
      <c r="D944" s="7" t="s">
        <v>2489</v>
      </c>
      <c r="E944" s="8" t="s">
        <v>2490</v>
      </c>
      <c r="F944" s="9">
        <v>0</v>
      </c>
      <c r="G944" s="5" t="s">
        <v>1965</v>
      </c>
      <c r="H944" s="7" t="s">
        <v>2491</v>
      </c>
      <c r="I944" s="10">
        <v>8021005005834</v>
      </c>
      <c r="K944" s="12">
        <v>0</v>
      </c>
      <c r="L944" s="12">
        <v>0</v>
      </c>
    </row>
    <row r="945" spans="1:12" ht="21.75" customHeight="1" x14ac:dyDescent="0.2">
      <c r="A945" s="5">
        <v>944</v>
      </c>
      <c r="B945" s="6" t="s">
        <v>152</v>
      </c>
      <c r="C945" s="7" t="s">
        <v>406</v>
      </c>
      <c r="D945" s="7" t="s">
        <v>1852</v>
      </c>
      <c r="E945" s="8" t="s">
        <v>2492</v>
      </c>
      <c r="F945" s="9">
        <v>0</v>
      </c>
      <c r="G945" s="5" t="s">
        <v>1965</v>
      </c>
      <c r="H945" s="7" t="s">
        <v>2493</v>
      </c>
      <c r="I945" s="10">
        <v>7021005005835</v>
      </c>
      <c r="K945" s="12">
        <v>0</v>
      </c>
      <c r="L945" s="12">
        <v>0</v>
      </c>
    </row>
    <row r="946" spans="1:12" ht="21.75" customHeight="1" x14ac:dyDescent="0.2">
      <c r="A946" s="5">
        <v>945</v>
      </c>
      <c r="B946" s="6" t="s">
        <v>152</v>
      </c>
      <c r="C946" s="7" t="s">
        <v>406</v>
      </c>
      <c r="D946" s="7" t="s">
        <v>2494</v>
      </c>
      <c r="E946" s="8" t="s">
        <v>2495</v>
      </c>
      <c r="F946" s="9">
        <v>0</v>
      </c>
      <c r="G946" s="5" t="s">
        <v>1965</v>
      </c>
      <c r="H946" s="7" t="s">
        <v>2496</v>
      </c>
      <c r="I946" s="10">
        <v>4021005005854</v>
      </c>
      <c r="K946" s="12">
        <v>0</v>
      </c>
      <c r="L946" s="12">
        <v>0</v>
      </c>
    </row>
    <row r="947" spans="1:12" ht="21.75" customHeight="1" x14ac:dyDescent="0.2">
      <c r="A947" s="5">
        <v>946</v>
      </c>
      <c r="B947" s="6" t="s">
        <v>152</v>
      </c>
      <c r="C947" s="7" t="s">
        <v>406</v>
      </c>
      <c r="D947" s="7" t="s">
        <v>533</v>
      </c>
      <c r="E947" s="8" t="s">
        <v>2497</v>
      </c>
      <c r="F947" s="9">
        <v>0</v>
      </c>
      <c r="G947" s="5" t="s">
        <v>1965</v>
      </c>
      <c r="H947" s="7" t="s">
        <v>2498</v>
      </c>
      <c r="I947" s="10">
        <v>9021005005858</v>
      </c>
      <c r="K947" s="12">
        <v>0</v>
      </c>
      <c r="L947" s="12">
        <v>0</v>
      </c>
    </row>
    <row r="948" spans="1:12" ht="21.75" customHeight="1" x14ac:dyDescent="0.2">
      <c r="A948" s="5">
        <v>947</v>
      </c>
      <c r="B948" s="6" t="s">
        <v>152</v>
      </c>
      <c r="C948" s="7" t="s">
        <v>406</v>
      </c>
      <c r="D948" s="7" t="s">
        <v>2499</v>
      </c>
      <c r="E948" s="8" t="s">
        <v>2500</v>
      </c>
      <c r="F948" s="9">
        <v>0</v>
      </c>
      <c r="G948" s="5" t="s">
        <v>1965</v>
      </c>
      <c r="H948" s="7" t="s">
        <v>2501</v>
      </c>
      <c r="I948" s="10">
        <v>3021005005863</v>
      </c>
      <c r="K948" s="12">
        <v>0</v>
      </c>
      <c r="L948" s="12">
        <v>0</v>
      </c>
    </row>
    <row r="949" spans="1:12" ht="21.75" customHeight="1" x14ac:dyDescent="0.2">
      <c r="A949" s="5">
        <v>948</v>
      </c>
      <c r="B949" s="6" t="s">
        <v>152</v>
      </c>
      <c r="C949" s="7" t="s">
        <v>406</v>
      </c>
      <c r="D949" s="7" t="s">
        <v>2502</v>
      </c>
      <c r="E949" s="8" t="s">
        <v>2503</v>
      </c>
      <c r="F949" s="9">
        <v>0</v>
      </c>
      <c r="G949" s="5" t="s">
        <v>1965</v>
      </c>
      <c r="H949" s="7" t="s">
        <v>2504</v>
      </c>
      <c r="I949" s="10">
        <v>8021005005859</v>
      </c>
      <c r="K949" s="12">
        <v>0</v>
      </c>
      <c r="L949" s="12">
        <v>0</v>
      </c>
    </row>
    <row r="950" spans="1:12" ht="21.75" customHeight="1" x14ac:dyDescent="0.2">
      <c r="A950" s="5">
        <v>949</v>
      </c>
      <c r="B950" s="6" t="s">
        <v>152</v>
      </c>
      <c r="C950" s="7" t="s">
        <v>406</v>
      </c>
      <c r="D950" s="7" t="s">
        <v>1858</v>
      </c>
      <c r="E950" s="8" t="s">
        <v>2505</v>
      </c>
      <c r="F950" s="9">
        <v>0</v>
      </c>
      <c r="G950" s="5" t="s">
        <v>1965</v>
      </c>
      <c r="H950" s="7" t="s">
        <v>2506</v>
      </c>
      <c r="I950" s="10">
        <v>2021005005856</v>
      </c>
      <c r="K950" s="12">
        <v>0</v>
      </c>
      <c r="L950" s="12">
        <v>0</v>
      </c>
    </row>
    <row r="951" spans="1:12" ht="21.75" customHeight="1" x14ac:dyDescent="0.2">
      <c r="A951" s="5">
        <v>950</v>
      </c>
      <c r="B951" s="6" t="s">
        <v>152</v>
      </c>
      <c r="C951" s="7" t="s">
        <v>406</v>
      </c>
      <c r="D951" s="7" t="s">
        <v>2507</v>
      </c>
      <c r="E951" s="8" t="s">
        <v>2508</v>
      </c>
      <c r="F951" s="9">
        <v>0</v>
      </c>
      <c r="G951" s="5" t="s">
        <v>1965</v>
      </c>
      <c r="H951" s="7" t="s">
        <v>2509</v>
      </c>
      <c r="I951" s="10">
        <v>3021005005855</v>
      </c>
      <c r="K951" s="12">
        <v>0</v>
      </c>
      <c r="L951" s="12">
        <v>0</v>
      </c>
    </row>
    <row r="952" spans="1:12" ht="21.75" customHeight="1" x14ac:dyDescent="0.2">
      <c r="A952" s="5">
        <v>951</v>
      </c>
      <c r="B952" s="6" t="s">
        <v>152</v>
      </c>
      <c r="C952" s="7" t="s">
        <v>406</v>
      </c>
      <c r="D952" s="7" t="s">
        <v>2510</v>
      </c>
      <c r="E952" s="8" t="s">
        <v>2511</v>
      </c>
      <c r="F952" s="9">
        <v>0</v>
      </c>
      <c r="G952" s="5" t="s">
        <v>1965</v>
      </c>
      <c r="H952" s="7" t="s">
        <v>2512</v>
      </c>
      <c r="I952" s="10">
        <v>1021005005857</v>
      </c>
      <c r="K952" s="12">
        <v>0</v>
      </c>
      <c r="L952" s="12">
        <v>0</v>
      </c>
    </row>
    <row r="953" spans="1:12" ht="21.75" customHeight="1" x14ac:dyDescent="0.2">
      <c r="A953" s="5">
        <v>952</v>
      </c>
      <c r="B953" s="6" t="s">
        <v>152</v>
      </c>
      <c r="C953" s="7" t="s">
        <v>406</v>
      </c>
      <c r="D953" s="7" t="s">
        <v>2513</v>
      </c>
      <c r="E953" s="8" t="s">
        <v>2514</v>
      </c>
      <c r="F953" s="9">
        <v>0</v>
      </c>
      <c r="G953" s="5" t="s">
        <v>1965</v>
      </c>
      <c r="H953" s="7" t="s">
        <v>2515</v>
      </c>
      <c r="I953" s="10">
        <v>8021005005875</v>
      </c>
      <c r="K953" s="12">
        <v>0</v>
      </c>
      <c r="L953" s="12">
        <v>0</v>
      </c>
    </row>
    <row r="954" spans="1:12" ht="21.75" customHeight="1" x14ac:dyDescent="0.2">
      <c r="A954" s="5">
        <v>953</v>
      </c>
      <c r="B954" s="6" t="s">
        <v>152</v>
      </c>
      <c r="C954" s="7" t="s">
        <v>406</v>
      </c>
      <c r="D954" s="7" t="s">
        <v>2516</v>
      </c>
      <c r="E954" s="8" t="s">
        <v>2517</v>
      </c>
      <c r="F954" s="9">
        <v>0</v>
      </c>
      <c r="G954" s="5" t="s">
        <v>1965</v>
      </c>
      <c r="H954" s="7" t="s">
        <v>2518</v>
      </c>
      <c r="I954" s="10">
        <v>9021005005874</v>
      </c>
      <c r="K954" s="12">
        <v>0</v>
      </c>
      <c r="L954" s="12">
        <v>0</v>
      </c>
    </row>
    <row r="955" spans="1:12" ht="21.75" customHeight="1" x14ac:dyDescent="0.2">
      <c r="A955" s="5">
        <v>954</v>
      </c>
      <c r="B955" s="6" t="s">
        <v>152</v>
      </c>
      <c r="C955" s="7" t="s">
        <v>406</v>
      </c>
      <c r="D955" s="7" t="s">
        <v>2519</v>
      </c>
      <c r="E955" s="8" t="s">
        <v>2520</v>
      </c>
      <c r="F955" s="9">
        <v>0</v>
      </c>
      <c r="G955" s="5" t="s">
        <v>1965</v>
      </c>
      <c r="H955" s="7" t="s">
        <v>2521</v>
      </c>
      <c r="I955" s="10">
        <v>5021005005878</v>
      </c>
      <c r="K955" s="12">
        <v>0</v>
      </c>
      <c r="L955" s="12">
        <v>0</v>
      </c>
    </row>
    <row r="956" spans="1:12" ht="21.75" customHeight="1" x14ac:dyDescent="0.2">
      <c r="A956" s="5">
        <v>955</v>
      </c>
      <c r="B956" s="6" t="s">
        <v>152</v>
      </c>
      <c r="C956" s="7" t="s">
        <v>467</v>
      </c>
      <c r="D956" s="7" t="s">
        <v>2522</v>
      </c>
      <c r="E956" s="8" t="s">
        <v>2523</v>
      </c>
      <c r="F956" s="9">
        <v>0</v>
      </c>
      <c r="G956" s="5" t="s">
        <v>1965</v>
      </c>
      <c r="H956" s="7" t="s">
        <v>2524</v>
      </c>
      <c r="I956" s="10">
        <v>8021005005586</v>
      </c>
      <c r="K956" s="12">
        <v>0</v>
      </c>
      <c r="L956" s="12">
        <v>0</v>
      </c>
    </row>
    <row r="957" spans="1:12" ht="21.75" customHeight="1" x14ac:dyDescent="0.2">
      <c r="A957" s="5">
        <v>956</v>
      </c>
      <c r="B957" s="6" t="s">
        <v>152</v>
      </c>
      <c r="C957" s="7" t="s">
        <v>467</v>
      </c>
      <c r="D957" s="7" t="s">
        <v>2525</v>
      </c>
      <c r="E957" s="8" t="s">
        <v>2526</v>
      </c>
      <c r="F957" s="9">
        <v>0</v>
      </c>
      <c r="G957" s="5" t="s">
        <v>1965</v>
      </c>
      <c r="H957" s="7" t="s">
        <v>2527</v>
      </c>
      <c r="I957" s="10">
        <v>1021005005881</v>
      </c>
      <c r="K957" s="12">
        <v>0</v>
      </c>
      <c r="L957" s="12">
        <v>0</v>
      </c>
    </row>
    <row r="958" spans="1:12" ht="21.75" customHeight="1" x14ac:dyDescent="0.2">
      <c r="A958" s="5">
        <v>957</v>
      </c>
      <c r="B958" s="6" t="s">
        <v>152</v>
      </c>
      <c r="C958" s="7" t="s">
        <v>2528</v>
      </c>
      <c r="D958" s="7" t="s">
        <v>2529</v>
      </c>
      <c r="E958" s="8" t="s">
        <v>2530</v>
      </c>
      <c r="F958" s="9">
        <v>0</v>
      </c>
      <c r="G958" s="5" t="s">
        <v>1965</v>
      </c>
      <c r="H958" s="7" t="s">
        <v>2531</v>
      </c>
      <c r="I958" s="10">
        <v>6021005005828</v>
      </c>
      <c r="K958" s="12">
        <v>0</v>
      </c>
      <c r="L958" s="12">
        <v>0</v>
      </c>
    </row>
    <row r="959" spans="1:12" ht="21.75" customHeight="1" x14ac:dyDescent="0.2">
      <c r="A959" s="5">
        <v>958</v>
      </c>
      <c r="B959" s="6" t="s">
        <v>152</v>
      </c>
      <c r="C959" s="7" t="s">
        <v>482</v>
      </c>
      <c r="D959" s="7" t="s">
        <v>2532</v>
      </c>
      <c r="E959" s="8" t="s">
        <v>1052</v>
      </c>
      <c r="F959" s="9">
        <v>0</v>
      </c>
      <c r="G959" s="5" t="s">
        <v>1965</v>
      </c>
      <c r="H959" s="7" t="s">
        <v>2533</v>
      </c>
      <c r="I959" s="10">
        <v>5021005005829</v>
      </c>
      <c r="K959" s="12">
        <v>0</v>
      </c>
      <c r="L959" s="12">
        <v>0</v>
      </c>
    </row>
    <row r="960" spans="1:12" ht="21.75" customHeight="1" x14ac:dyDescent="0.2">
      <c r="A960" s="5">
        <v>959</v>
      </c>
      <c r="B960" s="6" t="s">
        <v>152</v>
      </c>
      <c r="C960" s="7" t="s">
        <v>489</v>
      </c>
      <c r="D960" s="7" t="s">
        <v>2534</v>
      </c>
      <c r="E960" s="8" t="s">
        <v>2535</v>
      </c>
      <c r="F960" s="9">
        <v>0</v>
      </c>
      <c r="G960" s="5" t="s">
        <v>1965</v>
      </c>
      <c r="H960" s="7" t="s">
        <v>2536</v>
      </c>
      <c r="I960" s="10">
        <v>5021005005597</v>
      </c>
      <c r="K960" s="12">
        <v>0</v>
      </c>
      <c r="L960" s="12">
        <v>0</v>
      </c>
    </row>
    <row r="961" spans="1:12" ht="21.75" customHeight="1" x14ac:dyDescent="0.2">
      <c r="A961" s="5">
        <v>960</v>
      </c>
      <c r="B961" s="6" t="s">
        <v>152</v>
      </c>
      <c r="C961" s="7" t="s">
        <v>489</v>
      </c>
      <c r="D961" s="7" t="s">
        <v>2537</v>
      </c>
      <c r="E961" s="8" t="s">
        <v>2538</v>
      </c>
      <c r="F961" s="9">
        <v>0</v>
      </c>
      <c r="G961" s="5" t="s">
        <v>1965</v>
      </c>
      <c r="H961" s="7" t="s">
        <v>2539</v>
      </c>
      <c r="I961" s="10">
        <v>8021005005636</v>
      </c>
      <c r="K961" s="12">
        <v>0</v>
      </c>
      <c r="L961" s="12">
        <v>0</v>
      </c>
    </row>
    <row r="962" spans="1:12" ht="21.75" customHeight="1" x14ac:dyDescent="0.2">
      <c r="A962" s="5">
        <v>961</v>
      </c>
      <c r="B962" s="6" t="s">
        <v>152</v>
      </c>
      <c r="C962" s="7" t="s">
        <v>489</v>
      </c>
      <c r="D962" s="7" t="s">
        <v>862</v>
      </c>
      <c r="E962" s="8" t="s">
        <v>2540</v>
      </c>
      <c r="F962" s="9">
        <v>0</v>
      </c>
      <c r="G962" s="5" t="s">
        <v>1965</v>
      </c>
      <c r="H962" s="7" t="s">
        <v>2541</v>
      </c>
      <c r="I962" s="10">
        <v>5021005005696</v>
      </c>
      <c r="K962" s="12">
        <v>0</v>
      </c>
      <c r="L962" s="12">
        <v>0</v>
      </c>
    </row>
    <row r="963" spans="1:12" ht="21.75" customHeight="1" x14ac:dyDescent="0.2">
      <c r="A963" s="5">
        <v>962</v>
      </c>
      <c r="B963" s="6" t="s">
        <v>542</v>
      </c>
      <c r="C963" s="7" t="s">
        <v>2542</v>
      </c>
      <c r="D963" s="7" t="s">
        <v>2543</v>
      </c>
      <c r="E963" s="8" t="s">
        <v>2544</v>
      </c>
      <c r="F963" s="9">
        <v>0</v>
      </c>
      <c r="G963" s="5" t="s">
        <v>1965</v>
      </c>
      <c r="H963" s="7" t="s">
        <v>2545</v>
      </c>
      <c r="I963" s="10">
        <v>1021005005584</v>
      </c>
      <c r="K963" s="12">
        <v>0</v>
      </c>
      <c r="L963" s="12">
        <v>0</v>
      </c>
    </row>
    <row r="964" spans="1:12" ht="21.75" customHeight="1" x14ac:dyDescent="0.2">
      <c r="A964" s="5">
        <v>963</v>
      </c>
      <c r="B964" s="6" t="s">
        <v>542</v>
      </c>
      <c r="C964" s="7" t="s">
        <v>543</v>
      </c>
      <c r="D964" s="7" t="s">
        <v>2546</v>
      </c>
      <c r="E964" s="8" t="s">
        <v>2547</v>
      </c>
      <c r="F964" s="9">
        <v>0</v>
      </c>
      <c r="G964" s="5" t="s">
        <v>1965</v>
      </c>
      <c r="H964" s="7" t="s">
        <v>2548</v>
      </c>
      <c r="I964" s="10">
        <v>6021005005803</v>
      </c>
      <c r="K964" s="12">
        <v>0</v>
      </c>
      <c r="L964" s="12">
        <v>0</v>
      </c>
    </row>
    <row r="965" spans="1:12" ht="21.75" customHeight="1" x14ac:dyDescent="0.2">
      <c r="A965" s="5">
        <v>964</v>
      </c>
      <c r="B965" s="6" t="s">
        <v>542</v>
      </c>
      <c r="C965" s="7" t="s">
        <v>543</v>
      </c>
      <c r="D965" s="7" t="s">
        <v>2549</v>
      </c>
      <c r="E965" s="8" t="s">
        <v>2550</v>
      </c>
      <c r="F965" s="9">
        <v>0</v>
      </c>
      <c r="G965" s="5" t="s">
        <v>1965</v>
      </c>
      <c r="H965" s="7" t="s">
        <v>2551</v>
      </c>
      <c r="I965" s="10">
        <v>7021005005802</v>
      </c>
      <c r="K965" s="12">
        <v>0</v>
      </c>
      <c r="L965" s="12">
        <v>0</v>
      </c>
    </row>
    <row r="966" spans="1:12" ht="21.75" customHeight="1" x14ac:dyDescent="0.2">
      <c r="A966" s="5">
        <v>965</v>
      </c>
      <c r="B966" s="6" t="s">
        <v>542</v>
      </c>
      <c r="C966" s="7" t="s">
        <v>2552</v>
      </c>
      <c r="D966" s="7" t="s">
        <v>2553</v>
      </c>
      <c r="E966" s="8" t="s">
        <v>2554</v>
      </c>
      <c r="F966" s="9">
        <v>0</v>
      </c>
      <c r="G966" s="5" t="s">
        <v>1965</v>
      </c>
      <c r="H966" s="7" t="s">
        <v>2555</v>
      </c>
      <c r="I966" s="10">
        <v>4021005013080</v>
      </c>
      <c r="K966" s="12">
        <v>0</v>
      </c>
      <c r="L966" s="12">
        <v>0</v>
      </c>
    </row>
    <row r="967" spans="1:12" ht="21.75" customHeight="1" x14ac:dyDescent="0.2">
      <c r="A967" s="5">
        <v>966</v>
      </c>
      <c r="B967" s="6" t="s">
        <v>542</v>
      </c>
      <c r="C967" s="7" t="s">
        <v>591</v>
      </c>
      <c r="D967" s="7" t="s">
        <v>2556</v>
      </c>
      <c r="E967" s="8" t="s">
        <v>2557</v>
      </c>
      <c r="F967" s="9" t="s">
        <v>163</v>
      </c>
      <c r="G967" s="5" t="s">
        <v>1965</v>
      </c>
      <c r="H967" s="7" t="s">
        <v>2558</v>
      </c>
      <c r="I967" s="10">
        <v>6021005006529</v>
      </c>
      <c r="K967" s="12">
        <v>0</v>
      </c>
      <c r="L967" s="12">
        <v>0</v>
      </c>
    </row>
    <row r="968" spans="1:12" ht="21.75" customHeight="1" x14ac:dyDescent="0.2">
      <c r="A968" s="5">
        <v>967</v>
      </c>
      <c r="B968" s="6" t="s">
        <v>542</v>
      </c>
      <c r="C968" s="7" t="s">
        <v>591</v>
      </c>
      <c r="D968" s="7" t="s">
        <v>2559</v>
      </c>
      <c r="E968" s="8" t="s">
        <v>2560</v>
      </c>
      <c r="F968" s="9">
        <v>0</v>
      </c>
      <c r="G968" s="5" t="s">
        <v>1965</v>
      </c>
      <c r="H968" s="7" t="s">
        <v>2561</v>
      </c>
      <c r="I968" s="10">
        <v>4021005009624</v>
      </c>
      <c r="K968" s="12">
        <v>0</v>
      </c>
      <c r="L968" s="12">
        <v>0</v>
      </c>
    </row>
    <row r="969" spans="1:12" ht="21.75" customHeight="1" x14ac:dyDescent="0.2">
      <c r="A969" s="5">
        <v>968</v>
      </c>
      <c r="B969" s="6" t="s">
        <v>542</v>
      </c>
      <c r="C969" s="7" t="s">
        <v>591</v>
      </c>
      <c r="D969" s="7" t="s">
        <v>2562</v>
      </c>
      <c r="E969" s="8" t="s">
        <v>2563</v>
      </c>
      <c r="F969" s="9">
        <v>0</v>
      </c>
      <c r="G969" s="5" t="s">
        <v>1965</v>
      </c>
      <c r="H969" s="7" t="s">
        <v>2564</v>
      </c>
      <c r="I969" s="10">
        <v>7021005005587</v>
      </c>
      <c r="K969" s="12">
        <v>0</v>
      </c>
      <c r="L969" s="12">
        <v>0</v>
      </c>
    </row>
    <row r="970" spans="1:12" ht="21.75" customHeight="1" x14ac:dyDescent="0.2">
      <c r="A970" s="5">
        <v>969</v>
      </c>
      <c r="B970" s="6" t="s">
        <v>542</v>
      </c>
      <c r="C970" s="7" t="s">
        <v>591</v>
      </c>
      <c r="D970" s="7" t="s">
        <v>2565</v>
      </c>
      <c r="E970" s="8" t="s">
        <v>2566</v>
      </c>
      <c r="F970" s="9">
        <v>0</v>
      </c>
      <c r="G970" s="5" t="s">
        <v>1965</v>
      </c>
      <c r="H970" s="7" t="s">
        <v>2567</v>
      </c>
      <c r="I970" s="10">
        <v>4021005006068</v>
      </c>
      <c r="K970" s="12">
        <v>0</v>
      </c>
      <c r="L970" s="12">
        <v>0</v>
      </c>
    </row>
    <row r="971" spans="1:12" ht="21.75" customHeight="1" x14ac:dyDescent="0.2">
      <c r="A971" s="5">
        <v>970</v>
      </c>
      <c r="B971" s="6" t="s">
        <v>542</v>
      </c>
      <c r="C971" s="7" t="s">
        <v>591</v>
      </c>
      <c r="D971" s="7" t="s">
        <v>2568</v>
      </c>
      <c r="E971" s="8" t="s">
        <v>2569</v>
      </c>
      <c r="F971" s="9">
        <v>0</v>
      </c>
      <c r="G971" s="5" t="s">
        <v>1965</v>
      </c>
      <c r="H971" s="7" t="s">
        <v>2570</v>
      </c>
      <c r="I971" s="10">
        <v>2021005005625</v>
      </c>
      <c r="K971" s="12">
        <v>0</v>
      </c>
      <c r="L971" s="12">
        <v>0</v>
      </c>
    </row>
    <row r="972" spans="1:12" ht="21.75" customHeight="1" x14ac:dyDescent="0.2">
      <c r="A972" s="5">
        <v>971</v>
      </c>
      <c r="B972" s="6" t="s">
        <v>542</v>
      </c>
      <c r="C972" s="7" t="s">
        <v>591</v>
      </c>
      <c r="D972" s="7" t="s">
        <v>2571</v>
      </c>
      <c r="E972" s="8" t="s">
        <v>2572</v>
      </c>
      <c r="F972" s="9">
        <v>0</v>
      </c>
      <c r="G972" s="5" t="s">
        <v>1965</v>
      </c>
      <c r="H972" s="7" t="s">
        <v>2573</v>
      </c>
      <c r="I972" s="10">
        <v>3021005006556</v>
      </c>
      <c r="K972" s="12">
        <v>0</v>
      </c>
      <c r="L972" s="12">
        <v>0</v>
      </c>
    </row>
    <row r="973" spans="1:12" ht="21.75" customHeight="1" x14ac:dyDescent="0.2">
      <c r="A973" s="5">
        <v>972</v>
      </c>
      <c r="B973" s="6" t="s">
        <v>598</v>
      </c>
      <c r="C973" s="7" t="s">
        <v>599</v>
      </c>
      <c r="D973" s="7" t="s">
        <v>2574</v>
      </c>
      <c r="E973" s="8" t="s">
        <v>2575</v>
      </c>
      <c r="F973" s="9">
        <v>0</v>
      </c>
      <c r="G973" s="5" t="s">
        <v>1965</v>
      </c>
      <c r="H973" s="7" t="s">
        <v>2576</v>
      </c>
      <c r="I973" s="10">
        <v>2021005005716</v>
      </c>
      <c r="K973" s="12">
        <v>0</v>
      </c>
      <c r="L973" s="12">
        <v>0</v>
      </c>
    </row>
    <row r="974" spans="1:12" ht="21.75" customHeight="1" x14ac:dyDescent="0.2">
      <c r="A974" s="5">
        <v>973</v>
      </c>
      <c r="B974" s="6" t="s">
        <v>598</v>
      </c>
      <c r="C974" s="7" t="s">
        <v>599</v>
      </c>
      <c r="D974" s="7" t="s">
        <v>2577</v>
      </c>
      <c r="E974" s="8" t="s">
        <v>2578</v>
      </c>
      <c r="F974" s="9">
        <v>0</v>
      </c>
      <c r="G974" s="5" t="s">
        <v>1965</v>
      </c>
      <c r="H974" s="7" t="s">
        <v>2579</v>
      </c>
      <c r="I974" s="10">
        <v>2021005005708</v>
      </c>
      <c r="K974" s="12">
        <v>0</v>
      </c>
      <c r="L974" s="12">
        <v>0</v>
      </c>
    </row>
    <row r="975" spans="1:12" ht="21.75" customHeight="1" x14ac:dyDescent="0.2">
      <c r="A975" s="5">
        <v>974</v>
      </c>
      <c r="B975" s="6" t="s">
        <v>598</v>
      </c>
      <c r="C975" s="7" t="s">
        <v>599</v>
      </c>
      <c r="D975" s="7" t="s">
        <v>2580</v>
      </c>
      <c r="E975" s="8" t="s">
        <v>2581</v>
      </c>
      <c r="F975" s="9">
        <v>0</v>
      </c>
      <c r="G975" s="5" t="s">
        <v>1965</v>
      </c>
      <c r="H975" s="7" t="s">
        <v>2582</v>
      </c>
      <c r="I975" s="10">
        <v>6021005005712</v>
      </c>
      <c r="K975" s="12">
        <v>0</v>
      </c>
      <c r="L975" s="12">
        <v>0</v>
      </c>
    </row>
    <row r="976" spans="1:12" ht="21.75" customHeight="1" x14ac:dyDescent="0.2">
      <c r="A976" s="5">
        <v>975</v>
      </c>
      <c r="B976" s="6" t="s">
        <v>598</v>
      </c>
      <c r="C976" s="7" t="s">
        <v>599</v>
      </c>
      <c r="D976" s="7" t="s">
        <v>2583</v>
      </c>
      <c r="E976" s="8" t="s">
        <v>2584</v>
      </c>
      <c r="F976" s="9">
        <v>0</v>
      </c>
      <c r="G976" s="5" t="s">
        <v>1965</v>
      </c>
      <c r="H976" s="7" t="s">
        <v>2585</v>
      </c>
      <c r="I976" s="10">
        <v>5021005005721</v>
      </c>
      <c r="K976" s="12">
        <v>0</v>
      </c>
      <c r="L976" s="12">
        <v>0</v>
      </c>
    </row>
    <row r="977" spans="1:12" ht="21.75" customHeight="1" x14ac:dyDescent="0.2">
      <c r="A977" s="5">
        <v>976</v>
      </c>
      <c r="B977" s="6" t="s">
        <v>598</v>
      </c>
      <c r="C977" s="7" t="s">
        <v>599</v>
      </c>
      <c r="D977" s="7" t="s">
        <v>2586</v>
      </c>
      <c r="E977" s="8" t="s">
        <v>2587</v>
      </c>
      <c r="F977" s="9">
        <v>0</v>
      </c>
      <c r="G977" s="5" t="s">
        <v>1965</v>
      </c>
      <c r="H977" s="7" t="s">
        <v>2588</v>
      </c>
      <c r="I977" s="10">
        <v>4021005005714</v>
      </c>
      <c r="K977" s="12">
        <v>0</v>
      </c>
      <c r="L977" s="12">
        <v>0</v>
      </c>
    </row>
    <row r="978" spans="1:12" ht="21.75" customHeight="1" x14ac:dyDescent="0.2">
      <c r="A978" s="5">
        <v>977</v>
      </c>
      <c r="B978" s="6" t="s">
        <v>598</v>
      </c>
      <c r="C978" s="7" t="s">
        <v>599</v>
      </c>
      <c r="D978" s="7" t="s">
        <v>2589</v>
      </c>
      <c r="E978" s="8" t="s">
        <v>2590</v>
      </c>
      <c r="F978" s="9">
        <v>0</v>
      </c>
      <c r="G978" s="5" t="s">
        <v>1965</v>
      </c>
      <c r="H978" s="7" t="s">
        <v>2591</v>
      </c>
      <c r="I978" s="10">
        <v>8021005005710</v>
      </c>
      <c r="K978" s="12">
        <v>0</v>
      </c>
      <c r="L978" s="12">
        <v>0</v>
      </c>
    </row>
    <row r="979" spans="1:12" ht="21.75" customHeight="1" x14ac:dyDescent="0.2">
      <c r="A979" s="5">
        <v>978</v>
      </c>
      <c r="B979" s="6" t="s">
        <v>598</v>
      </c>
      <c r="C979" s="7" t="s">
        <v>599</v>
      </c>
      <c r="D979" s="7" t="s">
        <v>2592</v>
      </c>
      <c r="E979" s="8" t="s">
        <v>2593</v>
      </c>
      <c r="F979" s="9">
        <v>0</v>
      </c>
      <c r="G979" s="5" t="s">
        <v>1965</v>
      </c>
      <c r="H979" s="7" t="s">
        <v>2594</v>
      </c>
      <c r="I979" s="10">
        <v>6021005005720</v>
      </c>
      <c r="K979" s="12">
        <v>0</v>
      </c>
      <c r="L979" s="12">
        <v>0</v>
      </c>
    </row>
    <row r="980" spans="1:12" ht="21.75" customHeight="1" x14ac:dyDescent="0.2">
      <c r="A980" s="5">
        <v>979</v>
      </c>
      <c r="B980" s="6" t="s">
        <v>598</v>
      </c>
      <c r="C980" s="7" t="s">
        <v>599</v>
      </c>
      <c r="D980" s="7" t="s">
        <v>2595</v>
      </c>
      <c r="E980" s="8" t="s">
        <v>2596</v>
      </c>
      <c r="F980" s="9">
        <v>0</v>
      </c>
      <c r="G980" s="5" t="s">
        <v>1965</v>
      </c>
      <c r="H980" s="7" t="s">
        <v>2597</v>
      </c>
      <c r="I980" s="10">
        <v>7021005005711</v>
      </c>
      <c r="K980" s="12">
        <v>0</v>
      </c>
      <c r="L980" s="12">
        <v>0</v>
      </c>
    </row>
    <row r="981" spans="1:12" ht="21.75" customHeight="1" x14ac:dyDescent="0.2">
      <c r="A981" s="5">
        <v>980</v>
      </c>
      <c r="B981" s="6" t="s">
        <v>598</v>
      </c>
      <c r="C981" s="7" t="s">
        <v>599</v>
      </c>
      <c r="D981" s="7" t="s">
        <v>2598</v>
      </c>
      <c r="E981" s="8" t="s">
        <v>2599</v>
      </c>
      <c r="F981" s="9">
        <v>0</v>
      </c>
      <c r="G981" s="5" t="s">
        <v>1965</v>
      </c>
      <c r="H981" s="7" t="s">
        <v>2600</v>
      </c>
      <c r="I981" s="10">
        <v>5021005005713</v>
      </c>
      <c r="K981" s="12">
        <v>0</v>
      </c>
      <c r="L981" s="12">
        <v>0</v>
      </c>
    </row>
    <row r="982" spans="1:12" ht="21.75" customHeight="1" x14ac:dyDescent="0.2">
      <c r="A982" s="5">
        <v>981</v>
      </c>
      <c r="B982" s="6" t="s">
        <v>598</v>
      </c>
      <c r="C982" s="7" t="s">
        <v>599</v>
      </c>
      <c r="D982" s="7" t="s">
        <v>2601</v>
      </c>
      <c r="E982" s="8" t="s">
        <v>2602</v>
      </c>
      <c r="F982" s="9">
        <v>0</v>
      </c>
      <c r="G982" s="5" t="s">
        <v>1965</v>
      </c>
      <c r="H982" s="7" t="s">
        <v>2603</v>
      </c>
      <c r="I982" s="10">
        <v>4021005005722</v>
      </c>
      <c r="K982" s="12">
        <v>0</v>
      </c>
      <c r="L982" s="12">
        <v>0</v>
      </c>
    </row>
    <row r="983" spans="1:12" ht="21.75" customHeight="1" x14ac:dyDescent="0.2">
      <c r="A983" s="5">
        <v>982</v>
      </c>
      <c r="B983" s="6" t="s">
        <v>598</v>
      </c>
      <c r="C983" s="7" t="s">
        <v>599</v>
      </c>
      <c r="D983" s="7" t="s">
        <v>2604</v>
      </c>
      <c r="E983" s="8" t="s">
        <v>2605</v>
      </c>
      <c r="F983" s="9">
        <v>0</v>
      </c>
      <c r="G983" s="5" t="s">
        <v>1965</v>
      </c>
      <c r="H983" s="7" t="s">
        <v>2606</v>
      </c>
      <c r="I983" s="10">
        <v>1021005005709</v>
      </c>
      <c r="K983" s="12">
        <v>0</v>
      </c>
      <c r="L983" s="12">
        <v>0</v>
      </c>
    </row>
    <row r="984" spans="1:12" ht="21.75" customHeight="1" x14ac:dyDescent="0.2">
      <c r="A984" s="5">
        <v>983</v>
      </c>
      <c r="B984" s="6" t="s">
        <v>598</v>
      </c>
      <c r="C984" s="7" t="s">
        <v>2607</v>
      </c>
      <c r="D984" s="7" t="s">
        <v>2608</v>
      </c>
      <c r="E984" s="8" t="s">
        <v>2609</v>
      </c>
      <c r="F984" s="9">
        <v>0</v>
      </c>
      <c r="G984" s="5" t="s">
        <v>1965</v>
      </c>
      <c r="H984" s="7" t="s">
        <v>2610</v>
      </c>
      <c r="I984" s="10">
        <v>5021005005663</v>
      </c>
      <c r="K984" s="12">
        <v>0</v>
      </c>
      <c r="L984" s="12">
        <v>0</v>
      </c>
    </row>
    <row r="985" spans="1:12" ht="21.75" customHeight="1" x14ac:dyDescent="0.2">
      <c r="A985" s="5">
        <v>984</v>
      </c>
      <c r="B985" s="6" t="s">
        <v>598</v>
      </c>
      <c r="C985" s="7" t="s">
        <v>2611</v>
      </c>
      <c r="D985" s="7" t="s">
        <v>2612</v>
      </c>
      <c r="E985" s="8" t="s">
        <v>2613</v>
      </c>
      <c r="F985" s="9">
        <v>0</v>
      </c>
      <c r="G985" s="5" t="s">
        <v>1965</v>
      </c>
      <c r="H985" s="7" t="s">
        <v>2614</v>
      </c>
      <c r="I985" s="10">
        <v>3021005005698</v>
      </c>
      <c r="K985" s="12">
        <v>0</v>
      </c>
      <c r="L985" s="12">
        <v>0</v>
      </c>
    </row>
    <row r="986" spans="1:12" ht="21.75" customHeight="1" x14ac:dyDescent="0.2">
      <c r="A986" s="5">
        <v>985</v>
      </c>
      <c r="B986" s="6" t="s">
        <v>598</v>
      </c>
      <c r="C986" s="7" t="s">
        <v>1595</v>
      </c>
      <c r="D986" s="7" t="s">
        <v>2615</v>
      </c>
      <c r="E986" s="8" t="s">
        <v>2616</v>
      </c>
      <c r="F986" s="9">
        <v>0</v>
      </c>
      <c r="G986" s="5" t="s">
        <v>1965</v>
      </c>
      <c r="H986" s="7" t="s">
        <v>2617</v>
      </c>
      <c r="I986" s="10">
        <v>2021005005575</v>
      </c>
      <c r="K986" s="12">
        <v>0</v>
      </c>
      <c r="L986" s="12">
        <v>0</v>
      </c>
    </row>
    <row r="987" spans="1:12" ht="21.75" customHeight="1" x14ac:dyDescent="0.2">
      <c r="A987" s="5">
        <v>986</v>
      </c>
      <c r="B987" s="6" t="s">
        <v>12</v>
      </c>
      <c r="C987" s="7" t="s">
        <v>13</v>
      </c>
      <c r="D987" s="7" t="s">
        <v>2618</v>
      </c>
      <c r="E987" s="8" t="s">
        <v>2619</v>
      </c>
      <c r="F987" s="9">
        <v>0</v>
      </c>
      <c r="G987" s="5" t="s">
        <v>2620</v>
      </c>
      <c r="H987" s="7" t="s">
        <v>2621</v>
      </c>
      <c r="I987" s="10">
        <v>1021005001451</v>
      </c>
      <c r="K987" s="12">
        <v>0</v>
      </c>
      <c r="L987" s="12">
        <v>0</v>
      </c>
    </row>
    <row r="988" spans="1:12" ht="21.75" customHeight="1" x14ac:dyDescent="0.2">
      <c r="A988" s="5">
        <v>987</v>
      </c>
      <c r="B988" s="6" t="s">
        <v>12</v>
      </c>
      <c r="C988" s="7" t="s">
        <v>13</v>
      </c>
      <c r="D988" s="7" t="s">
        <v>2618</v>
      </c>
      <c r="E988" s="8" t="s">
        <v>2622</v>
      </c>
      <c r="F988" s="9">
        <v>0</v>
      </c>
      <c r="G988" s="5" t="s">
        <v>2620</v>
      </c>
      <c r="H988" s="7" t="s">
        <v>2623</v>
      </c>
      <c r="I988" s="10">
        <v>9021005001452</v>
      </c>
      <c r="K988" s="12">
        <v>0</v>
      </c>
      <c r="L988" s="12">
        <v>0</v>
      </c>
    </row>
    <row r="989" spans="1:12" ht="21.75" customHeight="1" x14ac:dyDescent="0.2">
      <c r="A989" s="5">
        <v>988</v>
      </c>
      <c r="B989" s="6" t="s">
        <v>12</v>
      </c>
      <c r="C989" s="7" t="s">
        <v>13</v>
      </c>
      <c r="D989" s="7" t="s">
        <v>1133</v>
      </c>
      <c r="E989" s="8" t="s">
        <v>2624</v>
      </c>
      <c r="F989" s="9">
        <v>0</v>
      </c>
      <c r="G989" s="5" t="s">
        <v>2620</v>
      </c>
      <c r="H989" s="7" t="s">
        <v>2625</v>
      </c>
      <c r="I989" s="10">
        <v>2021005001450</v>
      </c>
      <c r="K989" s="12">
        <v>0</v>
      </c>
      <c r="L989" s="12">
        <v>0</v>
      </c>
    </row>
    <row r="990" spans="1:12" ht="21.75" customHeight="1" x14ac:dyDescent="0.2">
      <c r="A990" s="5">
        <v>989</v>
      </c>
      <c r="B990" s="6" t="s">
        <v>12</v>
      </c>
      <c r="C990" s="7" t="s">
        <v>13</v>
      </c>
      <c r="D990" s="7" t="s">
        <v>47</v>
      </c>
      <c r="E990" s="8" t="s">
        <v>2626</v>
      </c>
      <c r="F990" s="9">
        <v>0</v>
      </c>
      <c r="G990" s="5" t="s">
        <v>2620</v>
      </c>
      <c r="H990" s="7" t="s">
        <v>2627</v>
      </c>
      <c r="I990" s="10">
        <v>4021005001457</v>
      </c>
      <c r="K990" s="12">
        <v>0</v>
      </c>
      <c r="L990" s="12">
        <v>0</v>
      </c>
    </row>
    <row r="991" spans="1:12" ht="21.75" customHeight="1" x14ac:dyDescent="0.2">
      <c r="A991" s="5">
        <v>990</v>
      </c>
      <c r="B991" s="6" t="s">
        <v>12</v>
      </c>
      <c r="C991" s="7" t="s">
        <v>13</v>
      </c>
      <c r="D991" s="7" t="s">
        <v>47</v>
      </c>
      <c r="E991" s="8" t="s">
        <v>2628</v>
      </c>
      <c r="F991" s="9">
        <v>0</v>
      </c>
      <c r="G991" s="5" t="s">
        <v>2620</v>
      </c>
      <c r="H991" s="7" t="s">
        <v>2629</v>
      </c>
      <c r="I991" s="10">
        <v>3021005001458</v>
      </c>
      <c r="K991" s="12">
        <v>0</v>
      </c>
      <c r="L991" s="12">
        <v>0</v>
      </c>
    </row>
    <row r="992" spans="1:12" ht="21.75" customHeight="1" x14ac:dyDescent="0.2">
      <c r="A992" s="5">
        <v>991</v>
      </c>
      <c r="B992" s="6" t="s">
        <v>12</v>
      </c>
      <c r="C992" s="7" t="s">
        <v>13</v>
      </c>
      <c r="D992" s="7" t="s">
        <v>2630</v>
      </c>
      <c r="E992" s="8" t="s">
        <v>1645</v>
      </c>
      <c r="F992" s="9">
        <v>0</v>
      </c>
      <c r="G992" s="5" t="s">
        <v>2620</v>
      </c>
      <c r="H992" s="7" t="s">
        <v>2631</v>
      </c>
      <c r="I992" s="10">
        <v>6021005001463</v>
      </c>
      <c r="K992" s="12">
        <v>0</v>
      </c>
      <c r="L992" s="12">
        <v>0</v>
      </c>
    </row>
    <row r="993" spans="1:12" ht="21.75" customHeight="1" x14ac:dyDescent="0.2">
      <c r="A993" s="5">
        <v>992</v>
      </c>
      <c r="B993" s="6" t="s">
        <v>12</v>
      </c>
      <c r="C993" s="7" t="s">
        <v>13</v>
      </c>
      <c r="D993" s="7" t="s">
        <v>2632</v>
      </c>
      <c r="E993" s="8" t="s">
        <v>2624</v>
      </c>
      <c r="F993" s="9">
        <v>0</v>
      </c>
      <c r="G993" s="5" t="s">
        <v>2620</v>
      </c>
      <c r="H993" s="7" t="s">
        <v>2633</v>
      </c>
      <c r="I993" s="10">
        <v>9021005001460</v>
      </c>
      <c r="K993" s="12">
        <v>0</v>
      </c>
      <c r="L993" s="12">
        <v>0</v>
      </c>
    </row>
    <row r="994" spans="1:12" ht="21.75" customHeight="1" x14ac:dyDescent="0.2">
      <c r="A994" s="5">
        <v>993</v>
      </c>
      <c r="B994" s="6" t="s">
        <v>12</v>
      </c>
      <c r="C994" s="7" t="s">
        <v>13</v>
      </c>
      <c r="D994" s="7" t="s">
        <v>2634</v>
      </c>
      <c r="E994" s="8" t="s">
        <v>2624</v>
      </c>
      <c r="F994" s="9">
        <v>0</v>
      </c>
      <c r="G994" s="5" t="s">
        <v>2620</v>
      </c>
      <c r="H994" s="7" t="s">
        <v>2635</v>
      </c>
      <c r="I994" s="10">
        <v>5021005001530</v>
      </c>
      <c r="J994" s="11" t="s">
        <v>2931</v>
      </c>
      <c r="K994" s="12" t="s">
        <v>53</v>
      </c>
      <c r="L994" s="12">
        <v>0</v>
      </c>
    </row>
    <row r="995" spans="1:12" ht="21.75" customHeight="1" x14ac:dyDescent="0.2">
      <c r="A995" s="5">
        <v>994</v>
      </c>
      <c r="B995" s="6" t="s">
        <v>12</v>
      </c>
      <c r="C995" s="7" t="s">
        <v>13</v>
      </c>
      <c r="D995" s="7" t="s">
        <v>2636</v>
      </c>
      <c r="E995" s="8" t="s">
        <v>2622</v>
      </c>
      <c r="F995" s="9">
        <v>0</v>
      </c>
      <c r="G995" s="5" t="s">
        <v>2620</v>
      </c>
      <c r="H995" s="7" t="s">
        <v>2637</v>
      </c>
      <c r="I995" s="10">
        <v>3021005001474</v>
      </c>
      <c r="K995" s="12">
        <v>0</v>
      </c>
      <c r="L995" s="12">
        <v>0</v>
      </c>
    </row>
    <row r="996" spans="1:12" ht="21.75" customHeight="1" x14ac:dyDescent="0.2">
      <c r="A996" s="5">
        <v>995</v>
      </c>
      <c r="B996" s="6" t="s">
        <v>12</v>
      </c>
      <c r="C996" s="7" t="s">
        <v>13</v>
      </c>
      <c r="D996" s="7" t="s">
        <v>2636</v>
      </c>
      <c r="E996" s="8" t="s">
        <v>2622</v>
      </c>
      <c r="F996" s="9">
        <v>0</v>
      </c>
      <c r="G996" s="5" t="s">
        <v>2620</v>
      </c>
      <c r="H996" s="7" t="s">
        <v>2638</v>
      </c>
      <c r="I996" s="10">
        <v>9021005001477</v>
      </c>
      <c r="K996" s="12">
        <v>0</v>
      </c>
      <c r="L996" s="12">
        <v>0</v>
      </c>
    </row>
    <row r="997" spans="1:12" ht="21.75" customHeight="1" x14ac:dyDescent="0.2">
      <c r="A997" s="5">
        <v>996</v>
      </c>
      <c r="B997" s="6" t="s">
        <v>12</v>
      </c>
      <c r="C997" s="7" t="s">
        <v>13</v>
      </c>
      <c r="D997" s="7" t="s">
        <v>2639</v>
      </c>
      <c r="E997" s="8" t="s">
        <v>2619</v>
      </c>
      <c r="F997" s="9">
        <v>0</v>
      </c>
      <c r="G997" s="5" t="s">
        <v>2620</v>
      </c>
      <c r="H997" s="7" t="s">
        <v>2640</v>
      </c>
      <c r="I997" s="10">
        <v>5021005001472</v>
      </c>
      <c r="K997" s="12">
        <v>0</v>
      </c>
      <c r="L997" s="12">
        <v>0</v>
      </c>
    </row>
    <row r="998" spans="1:12" ht="21.75" customHeight="1" x14ac:dyDescent="0.2">
      <c r="A998" s="5">
        <v>997</v>
      </c>
      <c r="B998" s="6" t="s">
        <v>12</v>
      </c>
      <c r="C998" s="7" t="s">
        <v>13</v>
      </c>
      <c r="D998" s="7" t="s">
        <v>732</v>
      </c>
      <c r="E998" s="8" t="s">
        <v>2622</v>
      </c>
      <c r="F998" s="9">
        <v>0</v>
      </c>
      <c r="G998" s="5" t="s">
        <v>2620</v>
      </c>
      <c r="H998" s="7" t="s">
        <v>2641</v>
      </c>
      <c r="I998" s="10">
        <v>4021005001473</v>
      </c>
      <c r="K998" s="12">
        <v>0</v>
      </c>
      <c r="L998" s="12">
        <v>0</v>
      </c>
    </row>
    <row r="999" spans="1:12" ht="21.75" customHeight="1" x14ac:dyDescent="0.2">
      <c r="A999" s="5">
        <v>998</v>
      </c>
      <c r="B999" s="6" t="s">
        <v>12</v>
      </c>
      <c r="C999" s="7" t="s">
        <v>13</v>
      </c>
      <c r="D999" s="7" t="s">
        <v>732</v>
      </c>
      <c r="E999" s="8" t="s">
        <v>2622</v>
      </c>
      <c r="F999" s="9">
        <v>0</v>
      </c>
      <c r="G999" s="5" t="s">
        <v>2620</v>
      </c>
      <c r="H999" s="7" t="s">
        <v>2642</v>
      </c>
      <c r="I999" s="10">
        <v>2021005001475</v>
      </c>
      <c r="K999" s="12">
        <v>0</v>
      </c>
      <c r="L999" s="12">
        <v>0</v>
      </c>
    </row>
    <row r="1000" spans="1:12" ht="21.75" customHeight="1" x14ac:dyDescent="0.2">
      <c r="A1000" s="5">
        <v>999</v>
      </c>
      <c r="B1000" s="6" t="s">
        <v>12</v>
      </c>
      <c r="C1000" s="7" t="s">
        <v>13</v>
      </c>
      <c r="D1000" s="7" t="s">
        <v>2643</v>
      </c>
      <c r="E1000" s="8" t="s">
        <v>2624</v>
      </c>
      <c r="F1000" s="9">
        <v>0</v>
      </c>
      <c r="G1000" s="5" t="s">
        <v>2620</v>
      </c>
      <c r="H1000" s="7" t="s">
        <v>2644</v>
      </c>
      <c r="I1000" s="10">
        <v>2021005001483</v>
      </c>
      <c r="J1000" s="11" t="s">
        <v>2931</v>
      </c>
      <c r="K1000" s="12" t="s">
        <v>66</v>
      </c>
      <c r="L1000" s="12">
        <v>0</v>
      </c>
    </row>
    <row r="1001" spans="1:12" ht="21.75" customHeight="1" x14ac:dyDescent="0.2">
      <c r="A1001" s="5">
        <v>1000</v>
      </c>
      <c r="B1001" s="6" t="s">
        <v>12</v>
      </c>
      <c r="C1001" s="7" t="s">
        <v>13</v>
      </c>
      <c r="D1001" s="7" t="s">
        <v>2645</v>
      </c>
      <c r="E1001" s="8" t="s">
        <v>2619</v>
      </c>
      <c r="F1001" s="9">
        <v>0</v>
      </c>
      <c r="G1001" s="5" t="s">
        <v>2620</v>
      </c>
      <c r="H1001" s="7" t="s">
        <v>2646</v>
      </c>
      <c r="I1001" s="10">
        <v>5021005001489</v>
      </c>
      <c r="K1001" s="12">
        <v>0</v>
      </c>
      <c r="L1001" s="12">
        <v>0</v>
      </c>
    </row>
    <row r="1002" spans="1:12" ht="21.75" customHeight="1" x14ac:dyDescent="0.2">
      <c r="A1002" s="5">
        <v>1001</v>
      </c>
      <c r="B1002" s="6" t="s">
        <v>12</v>
      </c>
      <c r="C1002" s="7" t="s">
        <v>13</v>
      </c>
      <c r="D1002" s="7" t="s">
        <v>2647</v>
      </c>
      <c r="E1002" s="8" t="s">
        <v>2619</v>
      </c>
      <c r="F1002" s="9">
        <v>0</v>
      </c>
      <c r="G1002" s="5" t="s">
        <v>2620</v>
      </c>
      <c r="H1002" s="7" t="s">
        <v>2648</v>
      </c>
      <c r="I1002" s="10">
        <v>2021005001491</v>
      </c>
      <c r="K1002" s="12">
        <v>0</v>
      </c>
      <c r="L1002" s="12">
        <v>0</v>
      </c>
    </row>
    <row r="1003" spans="1:12" ht="21.75" customHeight="1" x14ac:dyDescent="0.2">
      <c r="A1003" s="5">
        <v>1002</v>
      </c>
      <c r="B1003" s="6" t="s">
        <v>12</v>
      </c>
      <c r="C1003" s="7" t="s">
        <v>13</v>
      </c>
      <c r="D1003" s="7" t="s">
        <v>2649</v>
      </c>
      <c r="E1003" s="8" t="s">
        <v>2622</v>
      </c>
      <c r="F1003" s="9">
        <v>0</v>
      </c>
      <c r="G1003" s="5" t="s">
        <v>2620</v>
      </c>
      <c r="H1003" s="7" t="s">
        <v>2650</v>
      </c>
      <c r="I1003" s="10">
        <v>8021005001494</v>
      </c>
      <c r="K1003" s="12">
        <v>0</v>
      </c>
      <c r="L1003" s="12">
        <v>0</v>
      </c>
    </row>
    <row r="1004" spans="1:12" ht="21.75" customHeight="1" x14ac:dyDescent="0.2">
      <c r="A1004" s="5">
        <v>1003</v>
      </c>
      <c r="B1004" s="6" t="s">
        <v>12</v>
      </c>
      <c r="C1004" s="7" t="s">
        <v>13</v>
      </c>
      <c r="D1004" s="7" t="s">
        <v>2651</v>
      </c>
      <c r="E1004" s="8" t="s">
        <v>2626</v>
      </c>
      <c r="F1004" s="9">
        <v>0</v>
      </c>
      <c r="G1004" s="5" t="s">
        <v>2620</v>
      </c>
      <c r="H1004" s="7" t="s">
        <v>2652</v>
      </c>
      <c r="I1004" s="10">
        <v>7021005001512</v>
      </c>
      <c r="K1004" s="12">
        <v>0</v>
      </c>
      <c r="L1004" s="12">
        <v>0</v>
      </c>
    </row>
    <row r="1005" spans="1:12" ht="21.75" customHeight="1" x14ac:dyDescent="0.2">
      <c r="A1005" s="5">
        <v>1004</v>
      </c>
      <c r="B1005" s="6" t="s">
        <v>12</v>
      </c>
      <c r="C1005" s="7" t="s">
        <v>13</v>
      </c>
      <c r="D1005" s="7" t="s">
        <v>2651</v>
      </c>
      <c r="E1005" s="8" t="s">
        <v>2626</v>
      </c>
      <c r="F1005" s="9">
        <v>0</v>
      </c>
      <c r="G1005" s="5" t="s">
        <v>2620</v>
      </c>
      <c r="H1005" s="7" t="s">
        <v>2653</v>
      </c>
      <c r="I1005" s="10">
        <v>1021005001518</v>
      </c>
      <c r="K1005" s="12">
        <v>0</v>
      </c>
      <c r="L1005" s="12">
        <v>0</v>
      </c>
    </row>
    <row r="1006" spans="1:12" ht="21.75" customHeight="1" x14ac:dyDescent="0.2">
      <c r="A1006" s="5">
        <v>1005</v>
      </c>
      <c r="B1006" s="6" t="s">
        <v>12</v>
      </c>
      <c r="C1006" s="7" t="s">
        <v>13</v>
      </c>
      <c r="D1006" s="7" t="s">
        <v>2651</v>
      </c>
      <c r="E1006" s="8" t="s">
        <v>2619</v>
      </c>
      <c r="F1006" s="9">
        <v>0</v>
      </c>
      <c r="G1006" s="5" t="s">
        <v>2620</v>
      </c>
      <c r="H1006" s="7" t="s">
        <v>2654</v>
      </c>
      <c r="I1006" s="10">
        <v>5021005001514</v>
      </c>
      <c r="K1006" s="12">
        <v>0</v>
      </c>
      <c r="L1006" s="12">
        <v>0</v>
      </c>
    </row>
    <row r="1007" spans="1:12" ht="21.75" customHeight="1" x14ac:dyDescent="0.2">
      <c r="A1007" s="5">
        <v>1006</v>
      </c>
      <c r="B1007" s="6" t="s">
        <v>12</v>
      </c>
      <c r="C1007" s="7" t="s">
        <v>13</v>
      </c>
      <c r="D1007" s="7" t="s">
        <v>2655</v>
      </c>
      <c r="E1007" s="8" t="s">
        <v>2619</v>
      </c>
      <c r="F1007" s="9">
        <v>0</v>
      </c>
      <c r="G1007" s="5" t="s">
        <v>2620</v>
      </c>
      <c r="H1007" s="7" t="s">
        <v>2656</v>
      </c>
      <c r="I1007" s="10">
        <v>6021005001513</v>
      </c>
      <c r="K1007" s="12">
        <v>0</v>
      </c>
      <c r="L1007" s="12">
        <v>0</v>
      </c>
    </row>
    <row r="1008" spans="1:12" ht="21.75" customHeight="1" x14ac:dyDescent="0.2">
      <c r="A1008" s="5">
        <v>1007</v>
      </c>
      <c r="B1008" s="6" t="s">
        <v>12</v>
      </c>
      <c r="C1008" s="7" t="s">
        <v>13</v>
      </c>
      <c r="D1008" s="7" t="s">
        <v>1680</v>
      </c>
      <c r="E1008" s="8" t="s">
        <v>2622</v>
      </c>
      <c r="F1008" s="9">
        <v>0</v>
      </c>
      <c r="G1008" s="5" t="s">
        <v>2620</v>
      </c>
      <c r="H1008" s="7" t="s">
        <v>2657</v>
      </c>
      <c r="I1008" s="10">
        <v>3021005001516</v>
      </c>
      <c r="K1008" s="12">
        <v>0</v>
      </c>
      <c r="L1008" s="12">
        <v>0</v>
      </c>
    </row>
    <row r="1009" spans="1:12" ht="21.75" customHeight="1" x14ac:dyDescent="0.2">
      <c r="A1009" s="5">
        <v>1008</v>
      </c>
      <c r="B1009" s="6" t="s">
        <v>12</v>
      </c>
      <c r="C1009" s="7" t="s">
        <v>13</v>
      </c>
      <c r="D1009" s="7" t="s">
        <v>1680</v>
      </c>
      <c r="E1009" s="8" t="s">
        <v>2622</v>
      </c>
      <c r="F1009" s="9">
        <v>0</v>
      </c>
      <c r="G1009" s="5" t="s">
        <v>2620</v>
      </c>
      <c r="H1009" s="7" t="s">
        <v>2658</v>
      </c>
      <c r="I1009" s="10">
        <v>4021005001515</v>
      </c>
      <c r="K1009" s="12">
        <v>0</v>
      </c>
      <c r="L1009" s="12">
        <v>0</v>
      </c>
    </row>
    <row r="1010" spans="1:12" ht="21.75" customHeight="1" x14ac:dyDescent="0.2">
      <c r="A1010" s="5">
        <v>1009</v>
      </c>
      <c r="B1010" s="6" t="s">
        <v>12</v>
      </c>
      <c r="C1010" s="7" t="s">
        <v>13</v>
      </c>
      <c r="D1010" s="7" t="s">
        <v>753</v>
      </c>
      <c r="E1010" s="8" t="s">
        <v>2624</v>
      </c>
      <c r="F1010" s="9">
        <v>0</v>
      </c>
      <c r="G1010" s="5" t="s">
        <v>2620</v>
      </c>
      <c r="H1010" s="7" t="s">
        <v>2659</v>
      </c>
      <c r="I1010" s="10">
        <v>9021005001519</v>
      </c>
      <c r="K1010" s="12">
        <v>0</v>
      </c>
      <c r="L1010" s="12">
        <v>0</v>
      </c>
    </row>
    <row r="1011" spans="1:12" ht="21.75" customHeight="1" x14ac:dyDescent="0.2">
      <c r="A1011" s="5">
        <v>1010</v>
      </c>
      <c r="B1011" s="6" t="s">
        <v>12</v>
      </c>
      <c r="C1011" s="7" t="s">
        <v>13</v>
      </c>
      <c r="D1011" s="7" t="s">
        <v>2660</v>
      </c>
      <c r="E1011" s="8" t="s">
        <v>2622</v>
      </c>
      <c r="F1011" s="9">
        <v>0</v>
      </c>
      <c r="G1011" s="5" t="s">
        <v>2620</v>
      </c>
      <c r="H1011" s="7" t="s">
        <v>2661</v>
      </c>
      <c r="I1011" s="10">
        <v>7021005001520</v>
      </c>
      <c r="K1011" s="12">
        <v>0</v>
      </c>
      <c r="L1011" s="12">
        <v>0</v>
      </c>
    </row>
    <row r="1012" spans="1:12" ht="21.75" customHeight="1" x14ac:dyDescent="0.2">
      <c r="A1012" s="5">
        <v>1011</v>
      </c>
      <c r="B1012" s="6" t="s">
        <v>12</v>
      </c>
      <c r="C1012" s="7" t="s">
        <v>13</v>
      </c>
      <c r="D1012" s="7" t="s">
        <v>2662</v>
      </c>
      <c r="E1012" s="8" t="s">
        <v>2622</v>
      </c>
      <c r="F1012" s="9">
        <v>0</v>
      </c>
      <c r="G1012" s="5" t="s">
        <v>2620</v>
      </c>
      <c r="H1012" s="7" t="s">
        <v>2663</v>
      </c>
      <c r="I1012" s="10">
        <v>5021005001522</v>
      </c>
      <c r="K1012" s="12">
        <v>0</v>
      </c>
      <c r="L1012" s="12">
        <v>0</v>
      </c>
    </row>
    <row r="1013" spans="1:12" ht="21.75" customHeight="1" x14ac:dyDescent="0.2">
      <c r="A1013" s="5">
        <v>1012</v>
      </c>
      <c r="B1013" s="6" t="s">
        <v>12</v>
      </c>
      <c r="C1013" s="7" t="s">
        <v>13</v>
      </c>
      <c r="D1013" s="7" t="s">
        <v>2664</v>
      </c>
      <c r="E1013" s="8" t="s">
        <v>2622</v>
      </c>
      <c r="F1013" s="9">
        <v>0</v>
      </c>
      <c r="G1013" s="5" t="s">
        <v>2620</v>
      </c>
      <c r="H1013" s="7" t="s">
        <v>2665</v>
      </c>
      <c r="I1013" s="10">
        <v>1021005001526</v>
      </c>
      <c r="K1013" s="12">
        <v>0</v>
      </c>
      <c r="L1013" s="12">
        <v>0</v>
      </c>
    </row>
    <row r="1014" spans="1:12" ht="21.75" customHeight="1" x14ac:dyDescent="0.2">
      <c r="A1014" s="5">
        <v>1013</v>
      </c>
      <c r="B1014" s="6" t="s">
        <v>12</v>
      </c>
      <c r="C1014" s="7" t="s">
        <v>13</v>
      </c>
      <c r="D1014" s="7" t="s">
        <v>2666</v>
      </c>
      <c r="E1014" s="8" t="s">
        <v>2622</v>
      </c>
      <c r="F1014" s="9">
        <v>0</v>
      </c>
      <c r="G1014" s="5" t="s">
        <v>2620</v>
      </c>
      <c r="H1014" s="7" t="s">
        <v>2667</v>
      </c>
      <c r="I1014" s="10">
        <v>7021005001529</v>
      </c>
      <c r="K1014" s="12">
        <v>0</v>
      </c>
      <c r="L1014" s="12">
        <v>0</v>
      </c>
    </row>
    <row r="1015" spans="1:12" ht="21.75" customHeight="1" x14ac:dyDescent="0.2">
      <c r="A1015" s="5">
        <v>1014</v>
      </c>
      <c r="B1015" s="6" t="s">
        <v>12</v>
      </c>
      <c r="C1015" s="7" t="s">
        <v>13</v>
      </c>
      <c r="D1015" s="7" t="s">
        <v>2668</v>
      </c>
      <c r="E1015" s="8" t="s">
        <v>2619</v>
      </c>
      <c r="F1015" s="9">
        <v>0</v>
      </c>
      <c r="G1015" s="5" t="s">
        <v>2620</v>
      </c>
      <c r="H1015" s="7" t="s">
        <v>2669</v>
      </c>
      <c r="I1015" s="10">
        <v>1021005001534</v>
      </c>
      <c r="K1015" s="12">
        <v>0</v>
      </c>
      <c r="L1015" s="12">
        <v>0</v>
      </c>
    </row>
    <row r="1016" spans="1:12" ht="21.75" customHeight="1" x14ac:dyDescent="0.2">
      <c r="A1016" s="5">
        <v>1015</v>
      </c>
      <c r="B1016" s="6" t="s">
        <v>12</v>
      </c>
      <c r="C1016" s="7" t="s">
        <v>13</v>
      </c>
      <c r="D1016" s="7" t="s">
        <v>117</v>
      </c>
      <c r="E1016" s="8" t="s">
        <v>2624</v>
      </c>
      <c r="F1016" s="9">
        <v>0</v>
      </c>
      <c r="G1016" s="5" t="s">
        <v>2620</v>
      </c>
      <c r="H1016" s="7" t="s">
        <v>2670</v>
      </c>
      <c r="I1016" s="10">
        <v>2021005001533</v>
      </c>
      <c r="K1016" s="12">
        <v>0</v>
      </c>
      <c r="L1016" s="12">
        <v>0</v>
      </c>
    </row>
    <row r="1017" spans="1:12" ht="21.75" customHeight="1" x14ac:dyDescent="0.2">
      <c r="A1017" s="5">
        <v>1016</v>
      </c>
      <c r="B1017" s="6" t="s">
        <v>12</v>
      </c>
      <c r="C1017" s="7" t="s">
        <v>1185</v>
      </c>
      <c r="D1017" s="7" t="s">
        <v>69</v>
      </c>
      <c r="E1017" s="8" t="s">
        <v>2671</v>
      </c>
      <c r="F1017" s="9">
        <v>0</v>
      </c>
      <c r="G1017" s="5" t="s">
        <v>2620</v>
      </c>
      <c r="H1017" s="7" t="s">
        <v>2672</v>
      </c>
      <c r="I1017" s="10">
        <v>3021005001482</v>
      </c>
      <c r="K1017" s="12">
        <v>0</v>
      </c>
      <c r="L1017" s="12">
        <v>0</v>
      </c>
    </row>
    <row r="1018" spans="1:12" ht="21.75" customHeight="1" x14ac:dyDescent="0.2">
      <c r="A1018" s="5">
        <v>1017</v>
      </c>
      <c r="B1018" s="6" t="s">
        <v>152</v>
      </c>
      <c r="C1018" s="7" t="s">
        <v>153</v>
      </c>
      <c r="D1018" s="7" t="s">
        <v>2673</v>
      </c>
      <c r="E1018" s="8" t="s">
        <v>2674</v>
      </c>
      <c r="F1018" s="9">
        <v>0</v>
      </c>
      <c r="G1018" s="5" t="s">
        <v>2620</v>
      </c>
      <c r="H1018" s="7" t="s">
        <v>2675</v>
      </c>
      <c r="I1018" s="10">
        <v>8021005001453</v>
      </c>
      <c r="K1018" s="12">
        <v>0</v>
      </c>
      <c r="L1018" s="12">
        <v>0</v>
      </c>
    </row>
    <row r="1019" spans="1:12" ht="21.75" customHeight="1" x14ac:dyDescent="0.2">
      <c r="A1019" s="5">
        <v>1018</v>
      </c>
      <c r="B1019" s="6" t="s">
        <v>152</v>
      </c>
      <c r="C1019" s="7" t="s">
        <v>153</v>
      </c>
      <c r="D1019" s="7" t="s">
        <v>2676</v>
      </c>
      <c r="E1019" s="8" t="s">
        <v>2677</v>
      </c>
      <c r="F1019" s="9">
        <v>0</v>
      </c>
      <c r="G1019" s="5" t="s">
        <v>2620</v>
      </c>
      <c r="H1019" s="7" t="s">
        <v>2678</v>
      </c>
      <c r="I1019" s="10">
        <v>7021005001462</v>
      </c>
      <c r="K1019" s="12">
        <v>0</v>
      </c>
      <c r="L1019" s="12">
        <v>0</v>
      </c>
    </row>
    <row r="1020" spans="1:12" ht="21.75" customHeight="1" x14ac:dyDescent="0.2">
      <c r="A1020" s="5">
        <v>1019</v>
      </c>
      <c r="B1020" s="6" t="s">
        <v>152</v>
      </c>
      <c r="C1020" s="7" t="s">
        <v>153</v>
      </c>
      <c r="D1020" s="7" t="s">
        <v>2679</v>
      </c>
      <c r="E1020" s="8" t="s">
        <v>2680</v>
      </c>
      <c r="F1020" s="9">
        <v>0</v>
      </c>
      <c r="G1020" s="5" t="s">
        <v>2620</v>
      </c>
      <c r="H1020" s="7" t="s">
        <v>2681</v>
      </c>
      <c r="I1020" s="10">
        <v>8021005001461</v>
      </c>
      <c r="K1020" s="12">
        <v>0</v>
      </c>
      <c r="L1020" s="12">
        <v>0</v>
      </c>
    </row>
    <row r="1021" spans="1:12" ht="21.75" customHeight="1" x14ac:dyDescent="0.2">
      <c r="A1021" s="5">
        <v>1020</v>
      </c>
      <c r="B1021" s="6" t="s">
        <v>152</v>
      </c>
      <c r="C1021" s="7" t="s">
        <v>153</v>
      </c>
      <c r="D1021" s="7" t="s">
        <v>1236</v>
      </c>
      <c r="E1021" s="8" t="s">
        <v>2682</v>
      </c>
      <c r="F1021" s="9">
        <v>0</v>
      </c>
      <c r="G1021" s="5" t="s">
        <v>2620</v>
      </c>
      <c r="H1021" s="7" t="s">
        <v>2683</v>
      </c>
      <c r="I1021" s="10">
        <v>4021005001481</v>
      </c>
      <c r="K1021" s="12">
        <v>0</v>
      </c>
      <c r="L1021" s="12">
        <v>0</v>
      </c>
    </row>
    <row r="1022" spans="1:12" ht="21.75" customHeight="1" x14ac:dyDescent="0.2">
      <c r="A1022" s="5">
        <v>1021</v>
      </c>
      <c r="B1022" s="6" t="s">
        <v>152</v>
      </c>
      <c r="C1022" s="7" t="s">
        <v>153</v>
      </c>
      <c r="D1022" s="7" t="s">
        <v>2684</v>
      </c>
      <c r="E1022" s="8" t="s">
        <v>2685</v>
      </c>
      <c r="F1022" s="9">
        <v>0</v>
      </c>
      <c r="G1022" s="5" t="s">
        <v>2620</v>
      </c>
      <c r="H1022" s="7" t="s">
        <v>2686</v>
      </c>
      <c r="I1022" s="10">
        <v>7021005001479</v>
      </c>
      <c r="K1022" s="12">
        <v>0</v>
      </c>
      <c r="L1022" s="12">
        <v>0</v>
      </c>
    </row>
    <row r="1023" spans="1:12" ht="21.75" customHeight="1" x14ac:dyDescent="0.2">
      <c r="A1023" s="5">
        <v>1022</v>
      </c>
      <c r="B1023" s="6" t="s">
        <v>152</v>
      </c>
      <c r="C1023" s="7" t="s">
        <v>153</v>
      </c>
      <c r="D1023" s="7" t="s">
        <v>1277</v>
      </c>
      <c r="E1023" s="8" t="s">
        <v>2687</v>
      </c>
      <c r="F1023" s="9">
        <v>0</v>
      </c>
      <c r="G1023" s="5" t="s">
        <v>2620</v>
      </c>
      <c r="H1023" s="7" t="s">
        <v>2688</v>
      </c>
      <c r="I1023" s="10">
        <v>1021005001484</v>
      </c>
      <c r="K1023" s="12">
        <v>0</v>
      </c>
      <c r="L1023" s="12">
        <v>0</v>
      </c>
    </row>
    <row r="1024" spans="1:12" ht="21.75" customHeight="1" x14ac:dyDescent="0.2">
      <c r="A1024" s="5">
        <v>1023</v>
      </c>
      <c r="B1024" s="6" t="s">
        <v>152</v>
      </c>
      <c r="C1024" s="7" t="s">
        <v>153</v>
      </c>
      <c r="D1024" s="7" t="s">
        <v>1016</v>
      </c>
      <c r="E1024" s="8" t="s">
        <v>2689</v>
      </c>
      <c r="F1024" s="9">
        <v>0</v>
      </c>
      <c r="G1024" s="5" t="s">
        <v>2620</v>
      </c>
      <c r="H1024" s="7" t="s">
        <v>2690</v>
      </c>
      <c r="I1024" s="10">
        <v>8021005001486</v>
      </c>
      <c r="K1024" s="12">
        <v>0</v>
      </c>
      <c r="L1024" s="12">
        <v>0</v>
      </c>
    </row>
    <row r="1025" spans="1:12" ht="21.75" customHeight="1" x14ac:dyDescent="0.2">
      <c r="A1025" s="5">
        <v>1024</v>
      </c>
      <c r="B1025" s="6" t="s">
        <v>152</v>
      </c>
      <c r="C1025" s="7" t="s">
        <v>153</v>
      </c>
      <c r="D1025" s="7" t="s">
        <v>975</v>
      </c>
      <c r="E1025" s="8" t="s">
        <v>2689</v>
      </c>
      <c r="F1025" s="9">
        <v>0</v>
      </c>
      <c r="G1025" s="5" t="s">
        <v>2620</v>
      </c>
      <c r="H1025" s="7" t="s">
        <v>2691</v>
      </c>
      <c r="I1025" s="10">
        <v>9021005001485</v>
      </c>
      <c r="K1025" s="12">
        <v>0</v>
      </c>
      <c r="L1025" s="12">
        <v>0</v>
      </c>
    </row>
    <row r="1026" spans="1:12" ht="21.75" customHeight="1" x14ac:dyDescent="0.2">
      <c r="A1026" s="5">
        <v>1025</v>
      </c>
      <c r="B1026" s="6" t="s">
        <v>152</v>
      </c>
      <c r="C1026" s="7" t="s">
        <v>153</v>
      </c>
      <c r="D1026" s="7" t="s">
        <v>241</v>
      </c>
      <c r="E1026" s="8" t="s">
        <v>2692</v>
      </c>
      <c r="F1026" s="9">
        <v>0</v>
      </c>
      <c r="G1026" s="5" t="s">
        <v>2620</v>
      </c>
      <c r="H1026" s="7" t="s">
        <v>2693</v>
      </c>
      <c r="I1026" s="10">
        <v>1021005001492</v>
      </c>
      <c r="K1026" s="12">
        <v>0</v>
      </c>
      <c r="L1026" s="12">
        <v>0</v>
      </c>
    </row>
    <row r="1027" spans="1:12" ht="21.75" customHeight="1" x14ac:dyDescent="0.2">
      <c r="A1027" s="5">
        <v>1026</v>
      </c>
      <c r="B1027" s="6" t="s">
        <v>152</v>
      </c>
      <c r="C1027" s="7" t="s">
        <v>153</v>
      </c>
      <c r="D1027" s="7" t="s">
        <v>1830</v>
      </c>
      <c r="E1027" s="8" t="s">
        <v>2694</v>
      </c>
      <c r="F1027" s="9">
        <v>0</v>
      </c>
      <c r="G1027" s="5" t="s">
        <v>2620</v>
      </c>
      <c r="H1027" s="7" t="s">
        <v>2695</v>
      </c>
      <c r="I1027" s="10">
        <v>9021005001493</v>
      </c>
      <c r="K1027" s="12">
        <v>0</v>
      </c>
      <c r="L1027" s="12">
        <v>0</v>
      </c>
    </row>
    <row r="1028" spans="1:12" ht="21.75" customHeight="1" x14ac:dyDescent="0.2">
      <c r="A1028" s="5">
        <v>1027</v>
      </c>
      <c r="B1028" s="6" t="s">
        <v>152</v>
      </c>
      <c r="C1028" s="7" t="s">
        <v>153</v>
      </c>
      <c r="D1028" s="7" t="s">
        <v>2696</v>
      </c>
      <c r="E1028" s="8" t="s">
        <v>2697</v>
      </c>
      <c r="F1028" s="9">
        <v>0</v>
      </c>
      <c r="G1028" s="5" t="s">
        <v>2620</v>
      </c>
      <c r="H1028" s="7" t="s">
        <v>2698</v>
      </c>
      <c r="I1028" s="10">
        <v>3021005001524</v>
      </c>
      <c r="K1028" s="12">
        <v>0</v>
      </c>
      <c r="L1028" s="12">
        <v>0</v>
      </c>
    </row>
    <row r="1029" spans="1:12" ht="21.75" customHeight="1" x14ac:dyDescent="0.2">
      <c r="A1029" s="5">
        <v>1028</v>
      </c>
      <c r="B1029" s="6" t="s">
        <v>152</v>
      </c>
      <c r="C1029" s="7" t="s">
        <v>153</v>
      </c>
      <c r="D1029" s="7" t="s">
        <v>1253</v>
      </c>
      <c r="E1029" s="8" t="s">
        <v>2699</v>
      </c>
      <c r="F1029" s="9">
        <v>0</v>
      </c>
      <c r="G1029" s="5" t="s">
        <v>2620</v>
      </c>
      <c r="H1029" s="7" t="s">
        <v>2700</v>
      </c>
      <c r="I1029" s="10">
        <v>9021005001527</v>
      </c>
      <c r="K1029" s="12">
        <v>0</v>
      </c>
      <c r="L1029" s="12">
        <v>0</v>
      </c>
    </row>
    <row r="1030" spans="1:12" ht="21.75" customHeight="1" x14ac:dyDescent="0.2">
      <c r="A1030" s="5">
        <v>1029</v>
      </c>
      <c r="B1030" s="6" t="s">
        <v>152</v>
      </c>
      <c r="C1030" s="7" t="s">
        <v>153</v>
      </c>
      <c r="D1030" s="7" t="s">
        <v>2701</v>
      </c>
      <c r="E1030" s="8" t="s">
        <v>2685</v>
      </c>
      <c r="F1030" s="9">
        <v>0</v>
      </c>
      <c r="G1030" s="5" t="s">
        <v>2620</v>
      </c>
      <c r="H1030" s="7" t="s">
        <v>2702</v>
      </c>
      <c r="I1030" s="10">
        <v>5021005001539</v>
      </c>
      <c r="K1030" s="12">
        <v>0</v>
      </c>
      <c r="L1030" s="12">
        <v>0</v>
      </c>
    </row>
    <row r="1031" spans="1:12" ht="21.75" customHeight="1" x14ac:dyDescent="0.2">
      <c r="A1031" s="5">
        <v>1030</v>
      </c>
      <c r="B1031" s="6" t="s">
        <v>152</v>
      </c>
      <c r="C1031" s="7" t="s">
        <v>153</v>
      </c>
      <c r="D1031" s="7" t="s">
        <v>2703</v>
      </c>
      <c r="E1031" s="8" t="s">
        <v>2685</v>
      </c>
      <c r="F1031" s="9">
        <v>0</v>
      </c>
      <c r="G1031" s="5" t="s">
        <v>2620</v>
      </c>
      <c r="H1031" s="7" t="s">
        <v>2704</v>
      </c>
      <c r="I1031" s="10">
        <v>6021005001538</v>
      </c>
      <c r="K1031" s="12">
        <v>0</v>
      </c>
      <c r="L1031" s="12">
        <v>0</v>
      </c>
    </row>
    <row r="1032" spans="1:12" ht="21.75" customHeight="1" x14ac:dyDescent="0.2">
      <c r="A1032" s="5">
        <v>1031</v>
      </c>
      <c r="B1032" s="6" t="s">
        <v>152</v>
      </c>
      <c r="C1032" s="7" t="s">
        <v>172</v>
      </c>
      <c r="D1032" s="7" t="s">
        <v>2705</v>
      </c>
      <c r="E1032" s="8" t="s">
        <v>2706</v>
      </c>
      <c r="F1032" s="9">
        <v>0</v>
      </c>
      <c r="G1032" s="5" t="s">
        <v>2620</v>
      </c>
      <c r="H1032" s="7" t="s">
        <v>2707</v>
      </c>
      <c r="I1032" s="10">
        <v>5021005001464</v>
      </c>
      <c r="K1032" s="12">
        <v>0</v>
      </c>
      <c r="L1032" s="12">
        <v>0</v>
      </c>
    </row>
    <row r="1033" spans="1:12" ht="21.75" customHeight="1" x14ac:dyDescent="0.2">
      <c r="A1033" s="5">
        <v>1032</v>
      </c>
      <c r="B1033" s="6" t="s">
        <v>152</v>
      </c>
      <c r="C1033" s="7" t="s">
        <v>172</v>
      </c>
      <c r="D1033" s="7" t="s">
        <v>2708</v>
      </c>
      <c r="E1033" s="8" t="s">
        <v>2709</v>
      </c>
      <c r="F1033" s="9">
        <v>0</v>
      </c>
      <c r="G1033" s="5" t="s">
        <v>2620</v>
      </c>
      <c r="H1033" s="7" t="s">
        <v>2710</v>
      </c>
      <c r="I1033" s="10">
        <v>4021005001465</v>
      </c>
      <c r="K1033" s="12">
        <v>0</v>
      </c>
      <c r="L1033" s="12">
        <v>0</v>
      </c>
    </row>
    <row r="1034" spans="1:12" ht="21.75" customHeight="1" x14ac:dyDescent="0.2">
      <c r="A1034" s="5">
        <v>1033</v>
      </c>
      <c r="B1034" s="6" t="s">
        <v>152</v>
      </c>
      <c r="C1034" s="7" t="s">
        <v>172</v>
      </c>
      <c r="D1034" s="7" t="s">
        <v>2711</v>
      </c>
      <c r="E1034" s="8" t="s">
        <v>2712</v>
      </c>
      <c r="F1034" s="9">
        <v>0</v>
      </c>
      <c r="G1034" s="5" t="s">
        <v>2620</v>
      </c>
      <c r="H1034" s="7" t="s">
        <v>2713</v>
      </c>
      <c r="I1034" s="10">
        <v>5021005001480</v>
      </c>
      <c r="K1034" s="12">
        <v>0</v>
      </c>
      <c r="L1034" s="12">
        <v>0</v>
      </c>
    </row>
    <row r="1035" spans="1:12" ht="21.75" customHeight="1" x14ac:dyDescent="0.2">
      <c r="A1035" s="5">
        <v>1034</v>
      </c>
      <c r="B1035" s="6" t="s">
        <v>152</v>
      </c>
      <c r="C1035" s="7" t="s">
        <v>172</v>
      </c>
      <c r="D1035" s="7" t="s">
        <v>216</v>
      </c>
      <c r="E1035" s="8" t="s">
        <v>2714</v>
      </c>
      <c r="F1035" s="9">
        <v>0</v>
      </c>
      <c r="G1035" s="5" t="s">
        <v>2620</v>
      </c>
      <c r="H1035" s="7" t="s">
        <v>2715</v>
      </c>
      <c r="I1035" s="10">
        <v>3021005001466</v>
      </c>
      <c r="K1035" s="12">
        <v>0</v>
      </c>
      <c r="L1035" s="12">
        <v>0</v>
      </c>
    </row>
    <row r="1036" spans="1:12" ht="21.75" customHeight="1" x14ac:dyDescent="0.2">
      <c r="A1036" s="5">
        <v>1035</v>
      </c>
      <c r="B1036" s="6" t="s">
        <v>152</v>
      </c>
      <c r="C1036" s="7" t="s">
        <v>172</v>
      </c>
      <c r="D1036" s="7" t="s">
        <v>2716</v>
      </c>
      <c r="E1036" s="8" t="s">
        <v>2717</v>
      </c>
      <c r="F1036" s="9">
        <v>0</v>
      </c>
      <c r="G1036" s="5" t="s">
        <v>2620</v>
      </c>
      <c r="H1036" s="7" t="s">
        <v>2718</v>
      </c>
      <c r="I1036" s="10">
        <v>8021005001511</v>
      </c>
      <c r="K1036" s="12">
        <v>0</v>
      </c>
      <c r="L1036" s="12">
        <v>0</v>
      </c>
    </row>
    <row r="1037" spans="1:12" ht="21.75" customHeight="1" x14ac:dyDescent="0.2">
      <c r="A1037" s="5">
        <v>1036</v>
      </c>
      <c r="B1037" s="6" t="s">
        <v>152</v>
      </c>
      <c r="C1037" s="7" t="s">
        <v>172</v>
      </c>
      <c r="D1037" s="7" t="s">
        <v>1311</v>
      </c>
      <c r="E1037" s="8" t="s">
        <v>2719</v>
      </c>
      <c r="F1037" s="9">
        <v>0</v>
      </c>
      <c r="G1037" s="5" t="s">
        <v>2620</v>
      </c>
      <c r="H1037" s="7" t="s">
        <v>2720</v>
      </c>
      <c r="I1037" s="10">
        <v>8021005001536</v>
      </c>
      <c r="K1037" s="12">
        <v>0</v>
      </c>
      <c r="L1037" s="12">
        <v>0</v>
      </c>
    </row>
    <row r="1038" spans="1:12" ht="21.75" customHeight="1" x14ac:dyDescent="0.2">
      <c r="A1038" s="5">
        <v>1037</v>
      </c>
      <c r="B1038" s="6" t="s">
        <v>152</v>
      </c>
      <c r="C1038" s="7" t="s">
        <v>277</v>
      </c>
      <c r="D1038" s="7" t="s">
        <v>2721</v>
      </c>
      <c r="E1038" s="8" t="s">
        <v>2722</v>
      </c>
      <c r="F1038" s="9">
        <v>0</v>
      </c>
      <c r="G1038" s="5" t="s">
        <v>2620</v>
      </c>
      <c r="H1038" s="7" t="s">
        <v>2723</v>
      </c>
      <c r="I1038" s="10">
        <v>8021005001478</v>
      </c>
      <c r="K1038" s="12">
        <v>0</v>
      </c>
      <c r="L1038" s="12">
        <v>0</v>
      </c>
    </row>
    <row r="1039" spans="1:12" ht="21.75" customHeight="1" x14ac:dyDescent="0.2">
      <c r="A1039" s="5">
        <v>1038</v>
      </c>
      <c r="B1039" s="6" t="s">
        <v>152</v>
      </c>
      <c r="C1039" s="7" t="s">
        <v>277</v>
      </c>
      <c r="D1039" s="7" t="s">
        <v>2724</v>
      </c>
      <c r="E1039" s="8" t="s">
        <v>2725</v>
      </c>
      <c r="F1039" s="9">
        <v>0</v>
      </c>
      <c r="G1039" s="5" t="s">
        <v>2620</v>
      </c>
      <c r="H1039" s="7" t="s">
        <v>2726</v>
      </c>
      <c r="I1039" s="10">
        <v>1021005001682</v>
      </c>
      <c r="K1039" s="12">
        <v>0</v>
      </c>
      <c r="L1039" s="12">
        <v>0</v>
      </c>
    </row>
    <row r="1040" spans="1:12" ht="21.75" customHeight="1" x14ac:dyDescent="0.2">
      <c r="A1040" s="5">
        <v>1039</v>
      </c>
      <c r="B1040" s="6" t="s">
        <v>152</v>
      </c>
      <c r="C1040" s="7" t="s">
        <v>376</v>
      </c>
      <c r="D1040" s="7" t="s">
        <v>2727</v>
      </c>
      <c r="E1040" s="8" t="s">
        <v>2728</v>
      </c>
      <c r="F1040" s="9">
        <v>0</v>
      </c>
      <c r="G1040" s="5" t="s">
        <v>2620</v>
      </c>
      <c r="H1040" s="7" t="s">
        <v>2729</v>
      </c>
      <c r="I1040" s="10">
        <v>7021005001454</v>
      </c>
      <c r="K1040" s="12">
        <v>0</v>
      </c>
      <c r="L1040" s="12">
        <v>0</v>
      </c>
    </row>
    <row r="1041" spans="1:12" ht="21.75" customHeight="1" x14ac:dyDescent="0.2">
      <c r="A1041" s="5">
        <v>1040</v>
      </c>
      <c r="B1041" s="6" t="s">
        <v>152</v>
      </c>
      <c r="C1041" s="7" t="s">
        <v>376</v>
      </c>
      <c r="D1041" s="7" t="s">
        <v>2730</v>
      </c>
      <c r="E1041" s="8" t="s">
        <v>2731</v>
      </c>
      <c r="F1041" s="9">
        <v>0</v>
      </c>
      <c r="G1041" s="5" t="s">
        <v>2620</v>
      </c>
      <c r="H1041" s="7" t="s">
        <v>2732</v>
      </c>
      <c r="I1041" s="10">
        <v>6021005001455</v>
      </c>
      <c r="K1041" s="12">
        <v>0</v>
      </c>
      <c r="L1041" s="12">
        <v>0</v>
      </c>
    </row>
    <row r="1042" spans="1:12" ht="21.75" customHeight="1" x14ac:dyDescent="0.2">
      <c r="A1042" s="5">
        <v>1041</v>
      </c>
      <c r="B1042" s="6" t="s">
        <v>152</v>
      </c>
      <c r="C1042" s="7" t="s">
        <v>376</v>
      </c>
      <c r="D1042" s="7" t="s">
        <v>2733</v>
      </c>
      <c r="E1042" s="8" t="s">
        <v>2734</v>
      </c>
      <c r="F1042" s="9">
        <v>0</v>
      </c>
      <c r="G1042" s="5" t="s">
        <v>2620</v>
      </c>
      <c r="H1042" s="7" t="s">
        <v>2735</v>
      </c>
      <c r="I1042" s="10">
        <v>5021005001456</v>
      </c>
      <c r="K1042" s="12">
        <v>0</v>
      </c>
      <c r="L1042" s="12">
        <v>0</v>
      </c>
    </row>
    <row r="1043" spans="1:12" ht="21.75" customHeight="1" x14ac:dyDescent="0.2">
      <c r="A1043" s="5">
        <v>1042</v>
      </c>
      <c r="B1043" s="6" t="s">
        <v>152</v>
      </c>
      <c r="C1043" s="7" t="s">
        <v>376</v>
      </c>
      <c r="D1043" s="7" t="s">
        <v>2736</v>
      </c>
      <c r="E1043" s="8" t="s">
        <v>2737</v>
      </c>
      <c r="F1043" s="9">
        <v>0</v>
      </c>
      <c r="G1043" s="5" t="s">
        <v>2620</v>
      </c>
      <c r="H1043" s="7" t="s">
        <v>2738</v>
      </c>
      <c r="I1043" s="10">
        <v>2021005001459</v>
      </c>
      <c r="K1043" s="12">
        <v>0</v>
      </c>
      <c r="L1043" s="12">
        <v>0</v>
      </c>
    </row>
    <row r="1044" spans="1:12" ht="21.75" customHeight="1" x14ac:dyDescent="0.2">
      <c r="A1044" s="5">
        <v>1043</v>
      </c>
      <c r="B1044" s="6" t="s">
        <v>152</v>
      </c>
      <c r="C1044" s="7" t="s">
        <v>376</v>
      </c>
      <c r="D1044" s="7" t="s">
        <v>2739</v>
      </c>
      <c r="E1044" s="8" t="s">
        <v>2740</v>
      </c>
      <c r="F1044" s="9">
        <v>0</v>
      </c>
      <c r="G1044" s="5" t="s">
        <v>2620</v>
      </c>
      <c r="H1044" s="7" t="s">
        <v>2741</v>
      </c>
      <c r="I1044" s="10">
        <v>7021005001487</v>
      </c>
      <c r="K1044" s="12">
        <v>0</v>
      </c>
      <c r="L1044" s="12">
        <v>0</v>
      </c>
    </row>
    <row r="1045" spans="1:12" ht="21.75" customHeight="1" x14ac:dyDescent="0.2">
      <c r="A1045" s="5">
        <v>1044</v>
      </c>
      <c r="B1045" s="6" t="s">
        <v>152</v>
      </c>
      <c r="C1045" s="7" t="s">
        <v>376</v>
      </c>
      <c r="D1045" s="7" t="s">
        <v>2742</v>
      </c>
      <c r="E1045" s="8" t="s">
        <v>2743</v>
      </c>
      <c r="F1045" s="9">
        <v>0</v>
      </c>
      <c r="G1045" s="5" t="s">
        <v>2620</v>
      </c>
      <c r="H1045" s="7" t="s">
        <v>2744</v>
      </c>
      <c r="I1045" s="10">
        <v>6021005001488</v>
      </c>
      <c r="K1045" s="12">
        <v>0</v>
      </c>
      <c r="L1045" s="12">
        <v>0</v>
      </c>
    </row>
    <row r="1046" spans="1:12" ht="21.75" customHeight="1" x14ac:dyDescent="0.2">
      <c r="A1046" s="5">
        <v>1045</v>
      </c>
      <c r="B1046" s="6" t="s">
        <v>152</v>
      </c>
      <c r="C1046" s="7" t="s">
        <v>376</v>
      </c>
      <c r="D1046" s="7" t="s">
        <v>2745</v>
      </c>
      <c r="E1046" s="8" t="s">
        <v>2746</v>
      </c>
      <c r="F1046" s="9">
        <v>0</v>
      </c>
      <c r="G1046" s="5" t="s">
        <v>2620</v>
      </c>
      <c r="H1046" s="7" t="s">
        <v>2747</v>
      </c>
      <c r="I1046" s="10">
        <v>2021005001517</v>
      </c>
      <c r="K1046" s="12">
        <v>0</v>
      </c>
      <c r="L1046" s="12">
        <v>0</v>
      </c>
    </row>
    <row r="1047" spans="1:12" ht="21.75" customHeight="1" x14ac:dyDescent="0.2">
      <c r="A1047" s="5">
        <v>1046</v>
      </c>
      <c r="B1047" s="6" t="s">
        <v>152</v>
      </c>
      <c r="C1047" s="7" t="s">
        <v>376</v>
      </c>
      <c r="D1047" s="7" t="s">
        <v>2748</v>
      </c>
      <c r="E1047" s="8" t="s">
        <v>2749</v>
      </c>
      <c r="F1047" s="9">
        <v>0</v>
      </c>
      <c r="G1047" s="5" t="s">
        <v>2620</v>
      </c>
      <c r="H1047" s="7" t="s">
        <v>2750</v>
      </c>
      <c r="I1047" s="10">
        <v>4021005001523</v>
      </c>
      <c r="K1047" s="12">
        <v>0</v>
      </c>
      <c r="L1047" s="12">
        <v>0</v>
      </c>
    </row>
    <row r="1048" spans="1:12" ht="21.75" customHeight="1" x14ac:dyDescent="0.2">
      <c r="A1048" s="5">
        <v>1047</v>
      </c>
      <c r="B1048" s="6" t="s">
        <v>152</v>
      </c>
      <c r="C1048" s="7" t="s">
        <v>376</v>
      </c>
      <c r="D1048" s="7" t="s">
        <v>2751</v>
      </c>
      <c r="E1048" s="8" t="s">
        <v>2752</v>
      </c>
      <c r="F1048" s="9">
        <v>0</v>
      </c>
      <c r="G1048" s="5" t="s">
        <v>2620</v>
      </c>
      <c r="H1048" s="7" t="s">
        <v>2753</v>
      </c>
      <c r="I1048" s="10">
        <v>2021005001525</v>
      </c>
      <c r="K1048" s="12">
        <v>0</v>
      </c>
      <c r="L1048" s="12">
        <v>0</v>
      </c>
    </row>
    <row r="1049" spans="1:12" ht="21.75" customHeight="1" x14ac:dyDescent="0.2">
      <c r="A1049" s="5">
        <v>1048</v>
      </c>
      <c r="B1049" s="6" t="s">
        <v>152</v>
      </c>
      <c r="C1049" s="7" t="s">
        <v>376</v>
      </c>
      <c r="D1049" s="7" t="s">
        <v>2754</v>
      </c>
      <c r="E1049" s="8" t="s">
        <v>2755</v>
      </c>
      <c r="F1049" s="9">
        <v>0</v>
      </c>
      <c r="G1049" s="5" t="s">
        <v>2620</v>
      </c>
      <c r="H1049" s="7" t="s">
        <v>2756</v>
      </c>
      <c r="I1049" s="10">
        <v>7021005001537</v>
      </c>
      <c r="K1049" s="12">
        <v>0</v>
      </c>
      <c r="L1049" s="12">
        <v>0</v>
      </c>
    </row>
    <row r="1050" spans="1:12" ht="21.75" customHeight="1" x14ac:dyDescent="0.2">
      <c r="A1050" s="5">
        <v>1049</v>
      </c>
      <c r="B1050" s="6" t="s">
        <v>152</v>
      </c>
      <c r="C1050" s="7" t="s">
        <v>406</v>
      </c>
      <c r="D1050" s="7" t="s">
        <v>2537</v>
      </c>
      <c r="E1050" s="8" t="s">
        <v>2757</v>
      </c>
      <c r="F1050" s="9">
        <v>0</v>
      </c>
      <c r="G1050" s="5" t="s">
        <v>2620</v>
      </c>
      <c r="H1050" s="7" t="s">
        <v>2758</v>
      </c>
      <c r="I1050" s="10">
        <v>9021005001469</v>
      </c>
      <c r="K1050" s="12">
        <v>0</v>
      </c>
      <c r="L1050" s="12">
        <v>0</v>
      </c>
    </row>
    <row r="1051" spans="1:12" ht="21.75" customHeight="1" x14ac:dyDescent="0.2">
      <c r="A1051" s="5">
        <v>1050</v>
      </c>
      <c r="B1051" s="6" t="s">
        <v>152</v>
      </c>
      <c r="C1051" s="7" t="s">
        <v>406</v>
      </c>
      <c r="D1051" s="7" t="s">
        <v>2759</v>
      </c>
      <c r="E1051" s="8" t="s">
        <v>2760</v>
      </c>
      <c r="F1051" s="9">
        <v>0</v>
      </c>
      <c r="G1051" s="5" t="s">
        <v>2620</v>
      </c>
      <c r="H1051" s="7" t="s">
        <v>2761</v>
      </c>
      <c r="I1051" s="10">
        <v>2021005001467</v>
      </c>
      <c r="K1051" s="12">
        <v>0</v>
      </c>
      <c r="L1051" s="12">
        <v>0</v>
      </c>
    </row>
    <row r="1052" spans="1:12" ht="21.75" customHeight="1" x14ac:dyDescent="0.2">
      <c r="A1052" s="5">
        <v>1051</v>
      </c>
      <c r="B1052" s="6" t="s">
        <v>152</v>
      </c>
      <c r="C1052" s="7" t="s">
        <v>406</v>
      </c>
      <c r="D1052" s="7" t="s">
        <v>2762</v>
      </c>
      <c r="E1052" s="8" t="s">
        <v>2763</v>
      </c>
      <c r="F1052" s="9" t="s">
        <v>163</v>
      </c>
      <c r="G1052" s="5" t="s">
        <v>2620</v>
      </c>
      <c r="H1052" s="7" t="s">
        <v>2764</v>
      </c>
      <c r="I1052" s="10">
        <v>6021005001471</v>
      </c>
      <c r="K1052" s="12">
        <v>0</v>
      </c>
      <c r="L1052" s="12">
        <v>0</v>
      </c>
    </row>
    <row r="1053" spans="1:12" ht="21.75" customHeight="1" x14ac:dyDescent="0.2">
      <c r="A1053" s="5">
        <v>1052</v>
      </c>
      <c r="B1053" s="6" t="s">
        <v>152</v>
      </c>
      <c r="C1053" s="7" t="s">
        <v>406</v>
      </c>
      <c r="D1053" s="7" t="s">
        <v>2765</v>
      </c>
      <c r="E1053" s="8" t="s">
        <v>2766</v>
      </c>
      <c r="F1053" s="9">
        <v>0</v>
      </c>
      <c r="G1053" s="5" t="s">
        <v>2620</v>
      </c>
      <c r="H1053" s="7" t="s">
        <v>2767</v>
      </c>
      <c r="I1053" s="10">
        <v>7021005001470</v>
      </c>
      <c r="K1053" s="12">
        <v>0</v>
      </c>
      <c r="L1053" s="12">
        <v>0</v>
      </c>
    </row>
    <row r="1054" spans="1:12" ht="21.75" customHeight="1" x14ac:dyDescent="0.2">
      <c r="A1054" s="5">
        <v>1053</v>
      </c>
      <c r="B1054" s="6" t="s">
        <v>152</v>
      </c>
      <c r="C1054" s="7" t="s">
        <v>406</v>
      </c>
      <c r="D1054" s="7" t="s">
        <v>2768</v>
      </c>
      <c r="E1054" s="8" t="s">
        <v>2769</v>
      </c>
      <c r="F1054" s="9">
        <v>0</v>
      </c>
      <c r="G1054" s="5" t="s">
        <v>2620</v>
      </c>
      <c r="H1054" s="7" t="s">
        <v>2770</v>
      </c>
      <c r="I1054" s="10">
        <v>1021005001468</v>
      </c>
      <c r="K1054" s="12">
        <v>0</v>
      </c>
      <c r="L1054" s="12">
        <v>0</v>
      </c>
    </row>
    <row r="1055" spans="1:12" ht="21.75" customHeight="1" x14ac:dyDescent="0.2">
      <c r="A1055" s="5">
        <v>1054</v>
      </c>
      <c r="B1055" s="6" t="s">
        <v>152</v>
      </c>
      <c r="C1055" s="7" t="s">
        <v>406</v>
      </c>
      <c r="D1055" s="7" t="s">
        <v>449</v>
      </c>
      <c r="E1055" s="8" t="s">
        <v>2763</v>
      </c>
      <c r="F1055" s="9">
        <v>0</v>
      </c>
      <c r="G1055" s="5" t="s">
        <v>2620</v>
      </c>
      <c r="H1055" s="7" t="s">
        <v>2771</v>
      </c>
      <c r="I1055" s="10">
        <v>5021005001968</v>
      </c>
      <c r="K1055" s="12">
        <v>0</v>
      </c>
      <c r="L1055" s="12">
        <v>0</v>
      </c>
    </row>
    <row r="1056" spans="1:12" ht="21.75" customHeight="1" x14ac:dyDescent="0.2">
      <c r="A1056" s="5">
        <v>1055</v>
      </c>
      <c r="B1056" s="6" t="s">
        <v>152</v>
      </c>
      <c r="C1056" s="7" t="s">
        <v>406</v>
      </c>
      <c r="D1056" s="7" t="s">
        <v>2772</v>
      </c>
      <c r="E1056" s="8" t="s">
        <v>2773</v>
      </c>
      <c r="F1056" s="9">
        <v>0</v>
      </c>
      <c r="G1056" s="5" t="s">
        <v>2620</v>
      </c>
      <c r="H1056" s="7" t="s">
        <v>2774</v>
      </c>
      <c r="I1056" s="10">
        <v>6021005001521</v>
      </c>
      <c r="K1056" s="12">
        <v>0</v>
      </c>
      <c r="L1056" s="12">
        <v>0</v>
      </c>
    </row>
    <row r="1057" spans="1:12" ht="21.75" customHeight="1" x14ac:dyDescent="0.2">
      <c r="A1057" s="5">
        <v>1056</v>
      </c>
      <c r="B1057" s="6" t="s">
        <v>152</v>
      </c>
      <c r="C1057" s="7" t="s">
        <v>406</v>
      </c>
      <c r="D1057" s="7" t="s">
        <v>2775</v>
      </c>
      <c r="E1057" s="8" t="s">
        <v>2776</v>
      </c>
      <c r="F1057" s="9">
        <v>0</v>
      </c>
      <c r="G1057" s="5" t="s">
        <v>2620</v>
      </c>
      <c r="H1057" s="7" t="s">
        <v>2777</v>
      </c>
      <c r="I1057" s="10">
        <v>4021005001531</v>
      </c>
      <c r="K1057" s="12">
        <v>0</v>
      </c>
      <c r="L1057" s="12">
        <v>0</v>
      </c>
    </row>
    <row r="1058" spans="1:12" ht="21.75" customHeight="1" x14ac:dyDescent="0.2">
      <c r="A1058" s="5">
        <v>1057</v>
      </c>
      <c r="B1058" s="6" t="s">
        <v>152</v>
      </c>
      <c r="C1058" s="7" t="s">
        <v>406</v>
      </c>
      <c r="D1058" s="7" t="s">
        <v>1033</v>
      </c>
      <c r="E1058" s="8" t="s">
        <v>2778</v>
      </c>
      <c r="F1058" s="9">
        <v>0</v>
      </c>
      <c r="G1058" s="5" t="s">
        <v>2620</v>
      </c>
      <c r="H1058" s="7" t="s">
        <v>2779</v>
      </c>
      <c r="I1058" s="10">
        <v>8021005001528</v>
      </c>
      <c r="K1058" s="12">
        <v>0</v>
      </c>
      <c r="L1058" s="12">
        <v>0</v>
      </c>
    </row>
    <row r="1059" spans="1:12" ht="21.75" customHeight="1" x14ac:dyDescent="0.2">
      <c r="A1059" s="5">
        <v>1058</v>
      </c>
      <c r="B1059" s="6" t="s">
        <v>152</v>
      </c>
      <c r="C1059" s="7" t="s">
        <v>406</v>
      </c>
      <c r="D1059" s="7" t="s">
        <v>458</v>
      </c>
      <c r="E1059" s="8" t="s">
        <v>2780</v>
      </c>
      <c r="F1059" s="9">
        <v>0</v>
      </c>
      <c r="G1059" s="5" t="s">
        <v>2620</v>
      </c>
      <c r="H1059" s="7" t="s">
        <v>2781</v>
      </c>
      <c r="I1059" s="10">
        <v>3021005001532</v>
      </c>
      <c r="K1059" s="12">
        <v>0</v>
      </c>
      <c r="L1059" s="12">
        <v>0</v>
      </c>
    </row>
    <row r="1060" spans="1:12" ht="21.75" customHeight="1" x14ac:dyDescent="0.2">
      <c r="A1060" s="5">
        <v>1059</v>
      </c>
      <c r="B1060" s="6" t="s">
        <v>152</v>
      </c>
      <c r="C1060" s="7" t="s">
        <v>406</v>
      </c>
      <c r="D1060" s="7" t="s">
        <v>2782</v>
      </c>
      <c r="E1060" s="8" t="s">
        <v>2783</v>
      </c>
      <c r="F1060" s="9">
        <v>0</v>
      </c>
      <c r="G1060" s="5" t="s">
        <v>2620</v>
      </c>
      <c r="H1060" s="7" t="s">
        <v>2784</v>
      </c>
      <c r="I1060" s="10">
        <v>3021005001540</v>
      </c>
      <c r="K1060" s="12">
        <v>0</v>
      </c>
      <c r="L1060" s="12">
        <v>0</v>
      </c>
    </row>
    <row r="1061" spans="1:12" ht="21.75" customHeight="1" x14ac:dyDescent="0.2">
      <c r="A1061" s="5">
        <v>1060</v>
      </c>
      <c r="B1061" s="6" t="s">
        <v>152</v>
      </c>
      <c r="C1061" s="7" t="s">
        <v>2785</v>
      </c>
      <c r="D1061" s="7" t="s">
        <v>2786</v>
      </c>
      <c r="E1061" s="8" t="s">
        <v>2787</v>
      </c>
      <c r="F1061" s="9">
        <v>0</v>
      </c>
      <c r="G1061" s="5" t="s">
        <v>2620</v>
      </c>
      <c r="H1061" s="7" t="s">
        <v>2788</v>
      </c>
      <c r="I1061" s="10">
        <v>8021005013093</v>
      </c>
      <c r="K1061" s="12">
        <v>0</v>
      </c>
      <c r="L1061" s="12">
        <v>0</v>
      </c>
    </row>
    <row r="1062" spans="1:12" ht="21.75" customHeight="1" x14ac:dyDescent="0.2">
      <c r="A1062" s="5">
        <v>1061</v>
      </c>
      <c r="B1062" s="6" t="s">
        <v>542</v>
      </c>
      <c r="C1062" s="7" t="s">
        <v>543</v>
      </c>
      <c r="D1062" s="7" t="s">
        <v>2789</v>
      </c>
      <c r="E1062" s="8" t="s">
        <v>2790</v>
      </c>
      <c r="F1062" s="9">
        <v>0</v>
      </c>
      <c r="G1062" s="5" t="s">
        <v>2620</v>
      </c>
      <c r="H1062" s="7" t="s">
        <v>2791</v>
      </c>
      <c r="I1062" s="10">
        <v>9021005001510</v>
      </c>
      <c r="K1062" s="12">
        <v>0</v>
      </c>
      <c r="L1062" s="12">
        <v>0</v>
      </c>
    </row>
    <row r="1063" spans="1:12" ht="21.75" customHeight="1" x14ac:dyDescent="0.2">
      <c r="A1063" s="5">
        <v>1062</v>
      </c>
      <c r="B1063" s="6" t="s">
        <v>542</v>
      </c>
      <c r="C1063" s="7" t="s">
        <v>543</v>
      </c>
      <c r="D1063" s="7" t="s">
        <v>2792</v>
      </c>
      <c r="E1063" s="8" t="s">
        <v>2793</v>
      </c>
      <c r="F1063" s="9">
        <v>0</v>
      </c>
      <c r="G1063" s="5" t="s">
        <v>2620</v>
      </c>
      <c r="H1063" s="7" t="s">
        <v>2794</v>
      </c>
      <c r="I1063" s="10">
        <v>6021005001505</v>
      </c>
      <c r="K1063" s="12">
        <v>0</v>
      </c>
      <c r="L1063" s="12">
        <v>0</v>
      </c>
    </row>
    <row r="1064" spans="1:12" ht="21.75" customHeight="1" x14ac:dyDescent="0.2">
      <c r="A1064" s="5">
        <v>1063</v>
      </c>
      <c r="B1064" s="6" t="s">
        <v>542</v>
      </c>
      <c r="C1064" s="7" t="s">
        <v>543</v>
      </c>
      <c r="D1064" s="7" t="s">
        <v>2795</v>
      </c>
      <c r="E1064" s="8" t="s">
        <v>2796</v>
      </c>
      <c r="F1064" s="9">
        <v>0</v>
      </c>
      <c r="G1064" s="5" t="s">
        <v>2620</v>
      </c>
      <c r="H1064" s="7" t="s">
        <v>2797</v>
      </c>
      <c r="I1064" s="10">
        <v>5021005001506</v>
      </c>
      <c r="K1064" s="12">
        <v>0</v>
      </c>
      <c r="L1064" s="12">
        <v>0</v>
      </c>
    </row>
    <row r="1065" spans="1:12" ht="21.75" customHeight="1" x14ac:dyDescent="0.2">
      <c r="A1065" s="5">
        <v>1064</v>
      </c>
      <c r="B1065" s="6" t="s">
        <v>542</v>
      </c>
      <c r="C1065" s="7" t="s">
        <v>543</v>
      </c>
      <c r="D1065" s="7" t="s">
        <v>2798</v>
      </c>
      <c r="E1065" s="8" t="s">
        <v>2799</v>
      </c>
      <c r="F1065" s="9">
        <v>0</v>
      </c>
      <c r="G1065" s="5" t="s">
        <v>2620</v>
      </c>
      <c r="H1065" s="7" t="s">
        <v>2800</v>
      </c>
      <c r="I1065" s="10">
        <v>9021005012516</v>
      </c>
      <c r="K1065" s="12">
        <v>0</v>
      </c>
      <c r="L1065" s="12">
        <v>0</v>
      </c>
    </row>
    <row r="1066" spans="1:12" ht="21.75" customHeight="1" x14ac:dyDescent="0.2">
      <c r="A1066" s="5">
        <v>1065</v>
      </c>
      <c r="B1066" s="6" t="s">
        <v>542</v>
      </c>
      <c r="C1066" s="7" t="s">
        <v>543</v>
      </c>
      <c r="D1066" s="7" t="s">
        <v>2801</v>
      </c>
      <c r="E1066" s="8" t="s">
        <v>2802</v>
      </c>
      <c r="F1066" s="9">
        <v>0</v>
      </c>
      <c r="G1066" s="5" t="s">
        <v>2620</v>
      </c>
      <c r="H1066" s="7" t="s">
        <v>2803</v>
      </c>
      <c r="I1066" s="10">
        <v>2021005001509</v>
      </c>
      <c r="K1066" s="12">
        <v>0</v>
      </c>
      <c r="L1066" s="12">
        <v>0</v>
      </c>
    </row>
    <row r="1067" spans="1:12" ht="21.75" customHeight="1" x14ac:dyDescent="0.2">
      <c r="A1067" s="5">
        <v>1066</v>
      </c>
      <c r="B1067" s="6" t="s">
        <v>542</v>
      </c>
      <c r="C1067" s="7" t="s">
        <v>565</v>
      </c>
      <c r="D1067" s="7" t="s">
        <v>2804</v>
      </c>
      <c r="E1067" s="8" t="s">
        <v>2805</v>
      </c>
      <c r="F1067" s="9">
        <v>0</v>
      </c>
      <c r="G1067" s="5" t="s">
        <v>2620</v>
      </c>
      <c r="H1067" s="7" t="s">
        <v>2806</v>
      </c>
      <c r="I1067" s="10">
        <v>4021005001507</v>
      </c>
      <c r="K1067" s="12">
        <v>0</v>
      </c>
      <c r="L1067" s="12">
        <v>0</v>
      </c>
    </row>
    <row r="1068" spans="1:12" ht="21.75" customHeight="1" x14ac:dyDescent="0.2">
      <c r="A1068" s="5">
        <v>1067</v>
      </c>
      <c r="B1068" s="6" t="s">
        <v>542</v>
      </c>
      <c r="C1068" s="7" t="s">
        <v>581</v>
      </c>
      <c r="D1068" s="7" t="s">
        <v>2807</v>
      </c>
      <c r="E1068" s="8" t="s">
        <v>2808</v>
      </c>
      <c r="F1068" s="9">
        <v>0</v>
      </c>
      <c r="G1068" s="5" t="s">
        <v>2620</v>
      </c>
      <c r="H1068" s="7" t="s">
        <v>2809</v>
      </c>
      <c r="I1068" s="10">
        <v>3021005001508</v>
      </c>
      <c r="K1068" s="12">
        <v>0</v>
      </c>
      <c r="L1068" s="12">
        <v>0</v>
      </c>
    </row>
    <row r="1069" spans="1:12" ht="21.75" customHeight="1" x14ac:dyDescent="0.2">
      <c r="A1069" s="5">
        <v>1068</v>
      </c>
      <c r="B1069" s="6" t="s">
        <v>542</v>
      </c>
      <c r="C1069" s="7" t="s">
        <v>1907</v>
      </c>
      <c r="D1069" s="7" t="s">
        <v>2810</v>
      </c>
      <c r="E1069" s="8" t="s">
        <v>2811</v>
      </c>
      <c r="F1069" s="9">
        <v>0</v>
      </c>
      <c r="G1069" s="5" t="s">
        <v>2620</v>
      </c>
      <c r="H1069" s="7" t="s">
        <v>2812</v>
      </c>
      <c r="I1069" s="10">
        <v>7021005001504</v>
      </c>
      <c r="K1069" s="12">
        <v>0</v>
      </c>
      <c r="L1069" s="12">
        <v>0</v>
      </c>
    </row>
    <row r="1070" spans="1:12" ht="21.75" customHeight="1" x14ac:dyDescent="0.2">
      <c r="A1070" s="5">
        <v>1069</v>
      </c>
      <c r="B1070" s="6" t="s">
        <v>542</v>
      </c>
      <c r="C1070" s="7" t="s">
        <v>591</v>
      </c>
      <c r="D1070" s="7" t="s">
        <v>2813</v>
      </c>
      <c r="E1070" s="8" t="s">
        <v>2814</v>
      </c>
      <c r="F1070" s="9">
        <v>0</v>
      </c>
      <c r="G1070" s="5" t="s">
        <v>2620</v>
      </c>
      <c r="H1070" s="7" t="s">
        <v>2815</v>
      </c>
      <c r="I1070" s="10">
        <v>4020005002705</v>
      </c>
      <c r="K1070" s="12">
        <v>0</v>
      </c>
      <c r="L1070" s="12">
        <v>0</v>
      </c>
    </row>
    <row r="1071" spans="1:12" ht="21.75" customHeight="1" x14ac:dyDescent="0.2">
      <c r="A1071" s="5">
        <v>1070</v>
      </c>
      <c r="B1071" s="6" t="s">
        <v>542</v>
      </c>
      <c r="C1071" s="7" t="s">
        <v>591</v>
      </c>
      <c r="D1071" s="7" t="s">
        <v>2816</v>
      </c>
      <c r="E1071" s="8" t="s">
        <v>2817</v>
      </c>
      <c r="F1071" s="9">
        <v>0</v>
      </c>
      <c r="G1071" s="5" t="s">
        <v>2620</v>
      </c>
      <c r="H1071" s="7" t="s">
        <v>2818</v>
      </c>
      <c r="I1071" s="10">
        <v>2021005009238</v>
      </c>
      <c r="K1071" s="12">
        <v>0</v>
      </c>
      <c r="L1071" s="12">
        <v>0</v>
      </c>
    </row>
    <row r="1072" spans="1:12" ht="21.75" customHeight="1" x14ac:dyDescent="0.2">
      <c r="A1072" s="5">
        <v>1071</v>
      </c>
      <c r="B1072" s="6" t="s">
        <v>542</v>
      </c>
      <c r="C1072" s="7" t="s">
        <v>591</v>
      </c>
      <c r="D1072" s="7" t="s">
        <v>2819</v>
      </c>
      <c r="E1072" s="8" t="s">
        <v>2820</v>
      </c>
      <c r="F1072" s="9" t="s">
        <v>163</v>
      </c>
      <c r="G1072" s="5" t="s">
        <v>2620</v>
      </c>
      <c r="H1072" s="7" t="s">
        <v>2821</v>
      </c>
      <c r="I1072" s="10">
        <v>9021005001535</v>
      </c>
      <c r="K1072" s="12">
        <v>0</v>
      </c>
      <c r="L1072" s="12">
        <v>0</v>
      </c>
    </row>
    <row r="1073" spans="1:12" ht="21.75" customHeight="1" x14ac:dyDescent="0.2">
      <c r="A1073" s="5">
        <v>1072</v>
      </c>
      <c r="B1073" s="6" t="s">
        <v>598</v>
      </c>
      <c r="C1073" s="7" t="s">
        <v>599</v>
      </c>
      <c r="D1073" s="7" t="s">
        <v>2822</v>
      </c>
      <c r="E1073" s="8" t="s">
        <v>2932</v>
      </c>
      <c r="F1073" s="9">
        <v>0</v>
      </c>
      <c r="G1073" s="5" t="s">
        <v>2620</v>
      </c>
      <c r="H1073" s="7" t="s">
        <v>2823</v>
      </c>
      <c r="I1073" s="10">
        <v>4021005001498</v>
      </c>
      <c r="J1073" s="11" t="s">
        <v>2931</v>
      </c>
      <c r="K1073" s="12">
        <v>0</v>
      </c>
      <c r="L1073" s="12" t="s">
        <v>2933</v>
      </c>
    </row>
    <row r="1074" spans="1:12" ht="21.75" customHeight="1" x14ac:dyDescent="0.2">
      <c r="A1074" s="5">
        <v>1073</v>
      </c>
      <c r="B1074" s="6" t="s">
        <v>598</v>
      </c>
      <c r="C1074" s="7" t="s">
        <v>599</v>
      </c>
      <c r="D1074" s="7" t="s">
        <v>2824</v>
      </c>
      <c r="E1074" s="8" t="s">
        <v>2825</v>
      </c>
      <c r="F1074" s="9">
        <v>0</v>
      </c>
      <c r="G1074" s="5" t="s">
        <v>2620</v>
      </c>
      <c r="H1074" s="7" t="s">
        <v>2826</v>
      </c>
      <c r="I1074" s="10">
        <v>6021005001496</v>
      </c>
      <c r="K1074" s="12">
        <v>0</v>
      </c>
      <c r="L1074" s="12">
        <v>0</v>
      </c>
    </row>
    <row r="1075" spans="1:12" ht="21.75" customHeight="1" x14ac:dyDescent="0.2">
      <c r="A1075" s="5">
        <v>1074</v>
      </c>
      <c r="B1075" s="6" t="s">
        <v>598</v>
      </c>
      <c r="C1075" s="7" t="s">
        <v>599</v>
      </c>
      <c r="D1075" s="7" t="s">
        <v>2827</v>
      </c>
      <c r="E1075" s="8" t="s">
        <v>2828</v>
      </c>
      <c r="F1075" s="9">
        <v>0</v>
      </c>
      <c r="G1075" s="5" t="s">
        <v>2620</v>
      </c>
      <c r="H1075" s="7" t="s">
        <v>2829</v>
      </c>
      <c r="I1075" s="10">
        <v>1021005001501</v>
      </c>
      <c r="K1075" s="12">
        <v>0</v>
      </c>
      <c r="L1075" s="12">
        <v>0</v>
      </c>
    </row>
    <row r="1076" spans="1:12" ht="21.75" customHeight="1" x14ac:dyDescent="0.2">
      <c r="A1076" s="5">
        <v>1075</v>
      </c>
      <c r="B1076" s="6" t="s">
        <v>598</v>
      </c>
      <c r="C1076" s="7" t="s">
        <v>599</v>
      </c>
      <c r="D1076" s="7" t="s">
        <v>2830</v>
      </c>
      <c r="E1076" s="8" t="s">
        <v>2831</v>
      </c>
      <c r="F1076" s="9">
        <v>0</v>
      </c>
      <c r="G1076" s="5" t="s">
        <v>2620</v>
      </c>
      <c r="H1076" s="7" t="s">
        <v>2832</v>
      </c>
      <c r="I1076" s="10">
        <v>2021005001500</v>
      </c>
      <c r="K1076" s="12">
        <v>0</v>
      </c>
      <c r="L1076" s="12">
        <v>0</v>
      </c>
    </row>
    <row r="1077" spans="1:12" ht="21.75" customHeight="1" x14ac:dyDescent="0.2">
      <c r="A1077" s="5">
        <v>1076</v>
      </c>
      <c r="B1077" s="6" t="s">
        <v>598</v>
      </c>
      <c r="C1077" s="7" t="s">
        <v>599</v>
      </c>
      <c r="D1077" s="7" t="s">
        <v>2833</v>
      </c>
      <c r="E1077" s="8" t="s">
        <v>2834</v>
      </c>
      <c r="F1077" s="9">
        <v>0</v>
      </c>
      <c r="G1077" s="5" t="s">
        <v>2620</v>
      </c>
      <c r="H1077" s="7" t="s">
        <v>2835</v>
      </c>
      <c r="I1077" s="10">
        <v>8021005001503</v>
      </c>
      <c r="K1077" s="12">
        <v>0</v>
      </c>
      <c r="L1077" s="12">
        <v>0</v>
      </c>
    </row>
    <row r="1078" spans="1:12" ht="21.75" customHeight="1" x14ac:dyDescent="0.2">
      <c r="A1078" s="5">
        <v>1077</v>
      </c>
      <c r="B1078" s="6" t="s">
        <v>598</v>
      </c>
      <c r="C1078" s="7" t="s">
        <v>599</v>
      </c>
      <c r="D1078" s="7" t="s">
        <v>2836</v>
      </c>
      <c r="E1078" s="8" t="s">
        <v>2837</v>
      </c>
      <c r="F1078" s="9">
        <v>0</v>
      </c>
      <c r="G1078" s="5" t="s">
        <v>2620</v>
      </c>
      <c r="H1078" s="7" t="s">
        <v>2838</v>
      </c>
      <c r="I1078" s="10">
        <v>2021005001681</v>
      </c>
      <c r="K1078" s="12">
        <v>0</v>
      </c>
      <c r="L1078" s="12">
        <v>0</v>
      </c>
    </row>
    <row r="1079" spans="1:12" ht="21.75" customHeight="1" x14ac:dyDescent="0.2">
      <c r="A1079" s="5">
        <v>1078</v>
      </c>
      <c r="B1079" s="6" t="s">
        <v>598</v>
      </c>
      <c r="C1079" s="7" t="s">
        <v>599</v>
      </c>
      <c r="D1079" s="7" t="s">
        <v>2839</v>
      </c>
      <c r="E1079" s="8" t="s">
        <v>2840</v>
      </c>
      <c r="F1079" s="9">
        <v>0</v>
      </c>
      <c r="G1079" s="5" t="s">
        <v>2620</v>
      </c>
      <c r="H1079" s="7" t="s">
        <v>2841</v>
      </c>
      <c r="I1079" s="10">
        <v>5021005001497</v>
      </c>
      <c r="K1079" s="12">
        <v>0</v>
      </c>
      <c r="L1079" s="12">
        <v>0</v>
      </c>
    </row>
    <row r="1080" spans="1:12" ht="21.75" customHeight="1" x14ac:dyDescent="0.2">
      <c r="A1080" s="5">
        <v>1079</v>
      </c>
      <c r="B1080" s="6" t="s">
        <v>12</v>
      </c>
      <c r="C1080" s="7" t="s">
        <v>13</v>
      </c>
      <c r="D1080" s="7" t="s">
        <v>2842</v>
      </c>
      <c r="E1080" s="8" t="s">
        <v>1127</v>
      </c>
      <c r="F1080" s="9">
        <v>0</v>
      </c>
      <c r="G1080" s="5" t="s">
        <v>2843</v>
      </c>
      <c r="H1080" s="7" t="s">
        <v>2844</v>
      </c>
      <c r="I1080" s="10">
        <v>1021005007820</v>
      </c>
      <c r="K1080" s="12">
        <v>0</v>
      </c>
      <c r="L1080" s="12">
        <v>0</v>
      </c>
    </row>
    <row r="1081" spans="1:12" ht="21.75" customHeight="1" x14ac:dyDescent="0.2">
      <c r="A1081" s="5">
        <v>1080</v>
      </c>
      <c r="B1081" s="6" t="s">
        <v>12</v>
      </c>
      <c r="C1081" s="7" t="s">
        <v>13</v>
      </c>
      <c r="D1081" s="7" t="s">
        <v>47</v>
      </c>
      <c r="E1081" s="8" t="s">
        <v>1138</v>
      </c>
      <c r="F1081" s="9">
        <v>0</v>
      </c>
      <c r="G1081" s="5" t="s">
        <v>2843</v>
      </c>
      <c r="H1081" s="7" t="s">
        <v>2845</v>
      </c>
      <c r="I1081" s="10">
        <v>4021005007834</v>
      </c>
      <c r="K1081" s="12">
        <v>0</v>
      </c>
      <c r="L1081" s="12">
        <v>0</v>
      </c>
    </row>
    <row r="1082" spans="1:12" ht="21.75" customHeight="1" x14ac:dyDescent="0.2">
      <c r="A1082" s="5">
        <v>1081</v>
      </c>
      <c r="B1082" s="6" t="s">
        <v>12</v>
      </c>
      <c r="C1082" s="7" t="s">
        <v>13</v>
      </c>
      <c r="D1082" s="7" t="s">
        <v>2846</v>
      </c>
      <c r="E1082" s="8" t="s">
        <v>1127</v>
      </c>
      <c r="F1082" s="9">
        <v>0</v>
      </c>
      <c r="G1082" s="5" t="s">
        <v>2843</v>
      </c>
      <c r="H1082" s="7" t="s">
        <v>2847</v>
      </c>
      <c r="I1082" s="10">
        <v>3021005007843</v>
      </c>
      <c r="K1082" s="12">
        <v>0</v>
      </c>
      <c r="L1082" s="12">
        <v>0</v>
      </c>
    </row>
    <row r="1083" spans="1:12" ht="21.75" customHeight="1" x14ac:dyDescent="0.2">
      <c r="A1083" s="5">
        <v>1082</v>
      </c>
      <c r="B1083" s="6" t="s">
        <v>12</v>
      </c>
      <c r="C1083" s="7" t="s">
        <v>13</v>
      </c>
      <c r="D1083" s="7" t="s">
        <v>59</v>
      </c>
      <c r="E1083" s="8" t="s">
        <v>28</v>
      </c>
      <c r="F1083" s="9">
        <v>0</v>
      </c>
      <c r="G1083" s="5" t="s">
        <v>2843</v>
      </c>
      <c r="H1083" s="7" t="s">
        <v>2848</v>
      </c>
      <c r="I1083" s="10">
        <v>1021005007886</v>
      </c>
      <c r="K1083" s="12">
        <v>0</v>
      </c>
      <c r="L1083" s="12">
        <v>0</v>
      </c>
    </row>
    <row r="1084" spans="1:12" ht="21.75" customHeight="1" x14ac:dyDescent="0.2">
      <c r="A1084" s="5">
        <v>1083</v>
      </c>
      <c r="B1084" s="6" t="s">
        <v>12</v>
      </c>
      <c r="C1084" s="7" t="s">
        <v>13</v>
      </c>
      <c r="D1084" s="7" t="s">
        <v>59</v>
      </c>
      <c r="E1084" s="8" t="s">
        <v>1138</v>
      </c>
      <c r="F1084" s="9">
        <v>0</v>
      </c>
      <c r="G1084" s="5" t="s">
        <v>2843</v>
      </c>
      <c r="H1084" s="7" t="s">
        <v>2849</v>
      </c>
      <c r="I1084" s="10">
        <v>4021005007883</v>
      </c>
      <c r="K1084" s="12">
        <v>0</v>
      </c>
      <c r="L1084" s="12">
        <v>0</v>
      </c>
    </row>
    <row r="1085" spans="1:12" ht="21.75" customHeight="1" x14ac:dyDescent="0.2">
      <c r="A1085" s="5">
        <v>1084</v>
      </c>
      <c r="B1085" s="6" t="s">
        <v>12</v>
      </c>
      <c r="C1085" s="7" t="s">
        <v>13</v>
      </c>
      <c r="D1085" s="7" t="s">
        <v>2850</v>
      </c>
      <c r="E1085" s="8" t="s">
        <v>1127</v>
      </c>
      <c r="F1085" s="9">
        <v>0</v>
      </c>
      <c r="G1085" s="5" t="s">
        <v>2843</v>
      </c>
      <c r="H1085" s="7" t="s">
        <v>2851</v>
      </c>
      <c r="I1085" s="10">
        <v>4021005007966</v>
      </c>
      <c r="K1085" s="12">
        <v>0</v>
      </c>
      <c r="L1085" s="12">
        <v>0</v>
      </c>
    </row>
    <row r="1086" spans="1:12" ht="21.75" customHeight="1" x14ac:dyDescent="0.2">
      <c r="A1086" s="5">
        <v>1085</v>
      </c>
      <c r="B1086" s="6" t="s">
        <v>12</v>
      </c>
      <c r="C1086" s="7" t="s">
        <v>13</v>
      </c>
      <c r="D1086" s="7" t="s">
        <v>1673</v>
      </c>
      <c r="E1086" s="8" t="s">
        <v>1138</v>
      </c>
      <c r="F1086" s="9">
        <v>0</v>
      </c>
      <c r="G1086" s="5" t="s">
        <v>2843</v>
      </c>
      <c r="H1086" s="7" t="s">
        <v>2852</v>
      </c>
      <c r="I1086" s="10">
        <v>4021005007999</v>
      </c>
      <c r="K1086" s="12">
        <v>0</v>
      </c>
      <c r="L1086" s="12">
        <v>0</v>
      </c>
    </row>
    <row r="1087" spans="1:12" ht="21.75" customHeight="1" x14ac:dyDescent="0.2">
      <c r="A1087" s="5">
        <v>1086</v>
      </c>
      <c r="B1087" s="6" t="s">
        <v>12</v>
      </c>
      <c r="C1087" s="7" t="s">
        <v>13</v>
      </c>
      <c r="D1087" s="7" t="s">
        <v>2853</v>
      </c>
      <c r="E1087" s="8" t="s">
        <v>1127</v>
      </c>
      <c r="F1087" s="9">
        <v>0</v>
      </c>
      <c r="G1087" s="5" t="s">
        <v>2843</v>
      </c>
      <c r="H1087" s="7" t="s">
        <v>2854</v>
      </c>
      <c r="I1087" s="10">
        <v>5021005008006</v>
      </c>
      <c r="K1087" s="12">
        <v>0</v>
      </c>
      <c r="L1087" s="12">
        <v>0</v>
      </c>
    </row>
    <row r="1088" spans="1:12" ht="21.75" customHeight="1" x14ac:dyDescent="0.2">
      <c r="A1088" s="5">
        <v>1087</v>
      </c>
      <c r="B1088" s="6" t="s">
        <v>12</v>
      </c>
      <c r="C1088" s="7" t="s">
        <v>141</v>
      </c>
      <c r="D1088" s="7" t="s">
        <v>2855</v>
      </c>
      <c r="E1088" s="8" t="s">
        <v>2856</v>
      </c>
      <c r="F1088" s="9">
        <v>0</v>
      </c>
      <c r="G1088" s="5" t="s">
        <v>2843</v>
      </c>
      <c r="H1088" s="7" t="s">
        <v>2857</v>
      </c>
      <c r="I1088" s="10">
        <v>5021005007890</v>
      </c>
      <c r="J1088" s="11" t="s">
        <v>2931</v>
      </c>
      <c r="K1088" s="12" t="s">
        <v>2858</v>
      </c>
      <c r="L1088" s="12">
        <v>0</v>
      </c>
    </row>
    <row r="1089" spans="1:12" ht="21.75" customHeight="1" x14ac:dyDescent="0.2">
      <c r="A1089" s="5">
        <v>1088</v>
      </c>
      <c r="B1089" s="6" t="s">
        <v>152</v>
      </c>
      <c r="C1089" s="7" t="s">
        <v>786</v>
      </c>
      <c r="D1089" s="7" t="s">
        <v>2859</v>
      </c>
      <c r="E1089" s="8" t="s">
        <v>2860</v>
      </c>
      <c r="F1089" s="9">
        <v>0</v>
      </c>
      <c r="G1089" s="5" t="s">
        <v>2843</v>
      </c>
      <c r="H1089" s="7" t="s">
        <v>2861</v>
      </c>
      <c r="I1089" s="10">
        <v>7021005007823</v>
      </c>
      <c r="K1089" s="12">
        <v>0</v>
      </c>
      <c r="L1089" s="12">
        <v>0</v>
      </c>
    </row>
    <row r="1090" spans="1:12" ht="21.75" customHeight="1" x14ac:dyDescent="0.2">
      <c r="A1090" s="5">
        <v>1089</v>
      </c>
      <c r="B1090" s="6" t="s">
        <v>152</v>
      </c>
      <c r="C1090" s="7" t="s">
        <v>786</v>
      </c>
      <c r="D1090" s="7" t="s">
        <v>2862</v>
      </c>
      <c r="E1090" s="8" t="s">
        <v>2860</v>
      </c>
      <c r="F1090" s="9">
        <v>0</v>
      </c>
      <c r="G1090" s="5" t="s">
        <v>2843</v>
      </c>
      <c r="H1090" s="7" t="s">
        <v>2863</v>
      </c>
      <c r="I1090" s="10">
        <v>8021005007888</v>
      </c>
      <c r="K1090" s="12">
        <v>0</v>
      </c>
      <c r="L1090" s="12">
        <v>0</v>
      </c>
    </row>
    <row r="1091" spans="1:12" ht="21.75" customHeight="1" x14ac:dyDescent="0.2">
      <c r="A1091" s="5">
        <v>1090</v>
      </c>
      <c r="B1091" s="6" t="s">
        <v>152</v>
      </c>
      <c r="C1091" s="7" t="s">
        <v>153</v>
      </c>
      <c r="D1091" s="7" t="s">
        <v>787</v>
      </c>
      <c r="E1091" s="8" t="s">
        <v>2864</v>
      </c>
      <c r="F1091" s="9">
        <v>0</v>
      </c>
      <c r="G1091" s="5" t="s">
        <v>2843</v>
      </c>
      <c r="H1091" s="7" t="s">
        <v>2865</v>
      </c>
      <c r="I1091" s="10">
        <v>5021005007809</v>
      </c>
      <c r="K1091" s="12">
        <v>0</v>
      </c>
      <c r="L1091" s="12">
        <v>0</v>
      </c>
    </row>
    <row r="1092" spans="1:12" ht="21.75" customHeight="1" x14ac:dyDescent="0.2">
      <c r="A1092" s="5">
        <v>1091</v>
      </c>
      <c r="B1092" s="6" t="s">
        <v>152</v>
      </c>
      <c r="C1092" s="7" t="s">
        <v>153</v>
      </c>
      <c r="D1092" s="7" t="s">
        <v>1299</v>
      </c>
      <c r="E1092" s="8" t="s">
        <v>2866</v>
      </c>
      <c r="F1092" s="9">
        <v>0</v>
      </c>
      <c r="G1092" s="5" t="s">
        <v>2843</v>
      </c>
      <c r="H1092" s="7" t="s">
        <v>2867</v>
      </c>
      <c r="I1092" s="10">
        <v>1021005007845</v>
      </c>
      <c r="K1092" s="12">
        <v>0</v>
      </c>
      <c r="L1092" s="12">
        <v>0</v>
      </c>
    </row>
    <row r="1093" spans="1:12" ht="21.75" customHeight="1" x14ac:dyDescent="0.2">
      <c r="A1093" s="5">
        <v>1092</v>
      </c>
      <c r="B1093" s="6" t="s">
        <v>152</v>
      </c>
      <c r="C1093" s="7" t="s">
        <v>153</v>
      </c>
      <c r="D1093" s="7" t="s">
        <v>2868</v>
      </c>
      <c r="E1093" s="8" t="s">
        <v>2869</v>
      </c>
      <c r="F1093" s="9">
        <v>0</v>
      </c>
      <c r="G1093" s="5" t="s">
        <v>2843</v>
      </c>
      <c r="H1093" s="7" t="s">
        <v>2870</v>
      </c>
      <c r="I1093" s="10">
        <v>9021005007846</v>
      </c>
      <c r="K1093" s="12">
        <v>0</v>
      </c>
      <c r="L1093" s="12">
        <v>0</v>
      </c>
    </row>
    <row r="1094" spans="1:12" ht="21.75" customHeight="1" x14ac:dyDescent="0.2">
      <c r="A1094" s="5">
        <v>1093</v>
      </c>
      <c r="B1094" s="6" t="s">
        <v>152</v>
      </c>
      <c r="C1094" s="7" t="s">
        <v>153</v>
      </c>
      <c r="D1094" s="7" t="s">
        <v>1290</v>
      </c>
      <c r="E1094" s="8" t="s">
        <v>2871</v>
      </c>
      <c r="F1094" s="9">
        <v>0</v>
      </c>
      <c r="G1094" s="5" t="s">
        <v>2843</v>
      </c>
      <c r="H1094" s="7" t="s">
        <v>2872</v>
      </c>
      <c r="I1094" s="10">
        <v>8021005007847</v>
      </c>
      <c r="K1094" s="12">
        <v>0</v>
      </c>
      <c r="L1094" s="12">
        <v>0</v>
      </c>
    </row>
    <row r="1095" spans="1:12" ht="21.75" customHeight="1" x14ac:dyDescent="0.2">
      <c r="A1095" s="5">
        <v>1094</v>
      </c>
      <c r="B1095" s="6" t="s">
        <v>152</v>
      </c>
      <c r="C1095" s="7" t="s">
        <v>153</v>
      </c>
      <c r="D1095" s="7" t="s">
        <v>2873</v>
      </c>
      <c r="E1095" s="8" t="s">
        <v>2874</v>
      </c>
      <c r="F1095" s="9">
        <v>0</v>
      </c>
      <c r="G1095" s="5" t="s">
        <v>2843</v>
      </c>
      <c r="H1095" s="7" t="s">
        <v>2875</v>
      </c>
      <c r="I1095" s="10">
        <v>3021005007942</v>
      </c>
      <c r="K1095" s="12">
        <v>0</v>
      </c>
      <c r="L1095" s="12">
        <v>0</v>
      </c>
    </row>
    <row r="1096" spans="1:12" ht="21.75" customHeight="1" x14ac:dyDescent="0.2">
      <c r="A1096" s="5">
        <v>1095</v>
      </c>
      <c r="B1096" s="6" t="s">
        <v>152</v>
      </c>
      <c r="C1096" s="7" t="s">
        <v>153</v>
      </c>
      <c r="D1096" s="7" t="s">
        <v>2876</v>
      </c>
      <c r="E1096" s="8" t="s">
        <v>2877</v>
      </c>
      <c r="F1096" s="9">
        <v>0</v>
      </c>
      <c r="G1096" s="5" t="s">
        <v>2843</v>
      </c>
      <c r="H1096" s="7" t="s">
        <v>2878</v>
      </c>
      <c r="I1096" s="10">
        <v>2021005007976</v>
      </c>
      <c r="K1096" s="12">
        <v>0</v>
      </c>
      <c r="L1096" s="12">
        <v>0</v>
      </c>
    </row>
    <row r="1097" spans="1:12" ht="21.75" customHeight="1" x14ac:dyDescent="0.2">
      <c r="A1097" s="5">
        <v>1096</v>
      </c>
      <c r="B1097" s="6" t="s">
        <v>152</v>
      </c>
      <c r="C1097" s="7" t="s">
        <v>153</v>
      </c>
      <c r="D1097" s="7" t="s">
        <v>2879</v>
      </c>
      <c r="E1097" s="8" t="s">
        <v>2880</v>
      </c>
      <c r="F1097" s="9">
        <v>0</v>
      </c>
      <c r="G1097" s="5" t="s">
        <v>2843</v>
      </c>
      <c r="H1097" s="7" t="s">
        <v>2881</v>
      </c>
      <c r="I1097" s="10">
        <v>7021005008012</v>
      </c>
      <c r="K1097" s="12">
        <v>0</v>
      </c>
      <c r="L1097" s="12">
        <v>0</v>
      </c>
    </row>
    <row r="1098" spans="1:12" ht="21.75" customHeight="1" x14ac:dyDescent="0.2">
      <c r="A1098" s="5">
        <v>1097</v>
      </c>
      <c r="B1098" s="6" t="s">
        <v>152</v>
      </c>
      <c r="C1098" s="7" t="s">
        <v>172</v>
      </c>
      <c r="D1098" s="7" t="s">
        <v>505</v>
      </c>
      <c r="E1098" s="8" t="s">
        <v>2882</v>
      </c>
      <c r="F1098" s="9">
        <v>0</v>
      </c>
      <c r="G1098" s="5" t="s">
        <v>2843</v>
      </c>
      <c r="H1098" s="7" t="s">
        <v>2883</v>
      </c>
      <c r="I1098" s="10">
        <v>9021005007870</v>
      </c>
      <c r="K1098" s="12">
        <v>0</v>
      </c>
      <c r="L1098" s="12">
        <v>0</v>
      </c>
    </row>
    <row r="1099" spans="1:12" ht="21.75" customHeight="1" x14ac:dyDescent="0.2">
      <c r="A1099" s="5">
        <v>1098</v>
      </c>
      <c r="B1099" s="6" t="s">
        <v>152</v>
      </c>
      <c r="C1099" s="7" t="s">
        <v>172</v>
      </c>
      <c r="D1099" s="7" t="s">
        <v>2884</v>
      </c>
      <c r="E1099" s="8" t="s">
        <v>2885</v>
      </c>
      <c r="F1099" s="9">
        <v>0</v>
      </c>
      <c r="G1099" s="5" t="s">
        <v>2843</v>
      </c>
      <c r="H1099" s="7" t="s">
        <v>2886</v>
      </c>
      <c r="I1099" s="10">
        <v>5021005007841</v>
      </c>
      <c r="K1099" s="12">
        <v>0</v>
      </c>
      <c r="L1099" s="12">
        <v>0</v>
      </c>
    </row>
    <row r="1100" spans="1:12" ht="21.75" customHeight="1" x14ac:dyDescent="0.2">
      <c r="A1100" s="5">
        <v>1099</v>
      </c>
      <c r="B1100" s="6" t="s">
        <v>152</v>
      </c>
      <c r="C1100" s="7" t="s">
        <v>337</v>
      </c>
      <c r="D1100" s="7" t="s">
        <v>2730</v>
      </c>
      <c r="E1100" s="8" t="s">
        <v>2887</v>
      </c>
      <c r="F1100" s="9">
        <v>0</v>
      </c>
      <c r="G1100" s="5" t="s">
        <v>2843</v>
      </c>
      <c r="H1100" s="7" t="s">
        <v>2888</v>
      </c>
      <c r="I1100" s="10">
        <v>4021005007826</v>
      </c>
      <c r="K1100" s="12">
        <v>0</v>
      </c>
      <c r="L1100" s="12">
        <v>0</v>
      </c>
    </row>
    <row r="1101" spans="1:12" ht="21.75" customHeight="1" x14ac:dyDescent="0.2">
      <c r="A1101" s="5">
        <v>1100</v>
      </c>
      <c r="B1101" s="6" t="s">
        <v>152</v>
      </c>
      <c r="C1101" s="7" t="s">
        <v>376</v>
      </c>
      <c r="D1101" s="7" t="s">
        <v>2889</v>
      </c>
      <c r="E1101" s="8" t="s">
        <v>2890</v>
      </c>
      <c r="F1101" s="9">
        <v>0</v>
      </c>
      <c r="G1101" s="5" t="s">
        <v>2843</v>
      </c>
      <c r="H1101" s="7" t="s">
        <v>2891</v>
      </c>
      <c r="I1101" s="10">
        <v>6021005007824</v>
      </c>
      <c r="K1101" s="12">
        <v>0</v>
      </c>
      <c r="L1101" s="12">
        <v>0</v>
      </c>
    </row>
    <row r="1102" spans="1:12" ht="21.75" customHeight="1" x14ac:dyDescent="0.2">
      <c r="A1102" s="5">
        <v>1101</v>
      </c>
      <c r="B1102" s="6" t="s">
        <v>152</v>
      </c>
      <c r="C1102" s="7" t="s">
        <v>376</v>
      </c>
      <c r="D1102" s="7" t="s">
        <v>2892</v>
      </c>
      <c r="E1102" s="8" t="s">
        <v>2893</v>
      </c>
      <c r="F1102" s="9">
        <v>0</v>
      </c>
      <c r="G1102" s="5" t="s">
        <v>2843</v>
      </c>
      <c r="H1102" s="7" t="s">
        <v>2894</v>
      </c>
      <c r="I1102" s="10">
        <v>5021005007825</v>
      </c>
      <c r="K1102" s="12">
        <v>0</v>
      </c>
      <c r="L1102" s="12">
        <v>0</v>
      </c>
    </row>
    <row r="1103" spans="1:12" ht="21.75" customHeight="1" x14ac:dyDescent="0.2">
      <c r="A1103" s="5">
        <v>1102</v>
      </c>
      <c r="B1103" s="6" t="s">
        <v>152</v>
      </c>
      <c r="C1103" s="7" t="s">
        <v>406</v>
      </c>
      <c r="D1103" s="7" t="s">
        <v>2895</v>
      </c>
      <c r="E1103" s="8" t="s">
        <v>2896</v>
      </c>
      <c r="F1103" s="9">
        <v>0</v>
      </c>
      <c r="G1103" s="5" t="s">
        <v>2843</v>
      </c>
      <c r="H1103" s="7" t="s">
        <v>2897</v>
      </c>
      <c r="I1103" s="10">
        <v>7021005008020</v>
      </c>
      <c r="K1103" s="12">
        <v>0</v>
      </c>
      <c r="L1103" s="12">
        <v>0</v>
      </c>
    </row>
    <row r="1104" spans="1:12" ht="21.75" customHeight="1" x14ac:dyDescent="0.2">
      <c r="A1104" s="5">
        <v>1103</v>
      </c>
      <c r="B1104" s="6" t="s">
        <v>152</v>
      </c>
      <c r="C1104" s="7" t="s">
        <v>406</v>
      </c>
      <c r="D1104" s="7" t="s">
        <v>2898</v>
      </c>
      <c r="E1104" s="8" t="s">
        <v>2899</v>
      </c>
      <c r="F1104" s="9">
        <v>0</v>
      </c>
      <c r="G1104" s="5" t="s">
        <v>2843</v>
      </c>
      <c r="H1104" s="7" t="s">
        <v>2900</v>
      </c>
      <c r="I1104" s="10">
        <v>5021005008022</v>
      </c>
      <c r="K1104" s="12">
        <v>0</v>
      </c>
      <c r="L1104" s="12">
        <v>0</v>
      </c>
    </row>
    <row r="1105" spans="1:12" ht="21.75" customHeight="1" x14ac:dyDescent="0.2">
      <c r="A1105" s="5">
        <v>1104</v>
      </c>
      <c r="B1105" s="6" t="s">
        <v>152</v>
      </c>
      <c r="C1105" s="7" t="s">
        <v>406</v>
      </c>
      <c r="D1105" s="7" t="s">
        <v>2901</v>
      </c>
      <c r="E1105" s="8" t="s">
        <v>2902</v>
      </c>
      <c r="F1105" s="9">
        <v>0</v>
      </c>
      <c r="G1105" s="5" t="s">
        <v>2843</v>
      </c>
      <c r="H1105" s="7" t="s">
        <v>2903</v>
      </c>
      <c r="I1105" s="10">
        <v>3021005008040</v>
      </c>
      <c r="K1105" s="12">
        <v>0</v>
      </c>
      <c r="L1105" s="12">
        <v>0</v>
      </c>
    </row>
    <row r="1106" spans="1:12" ht="21.75" customHeight="1" x14ac:dyDescent="0.2">
      <c r="A1106" s="5">
        <v>1105</v>
      </c>
      <c r="B1106" s="6" t="s">
        <v>152</v>
      </c>
      <c r="C1106" s="7" t="s">
        <v>471</v>
      </c>
      <c r="D1106" s="7" t="s">
        <v>2904</v>
      </c>
      <c r="E1106" s="8" t="s">
        <v>2905</v>
      </c>
      <c r="F1106" s="9">
        <v>0</v>
      </c>
      <c r="G1106" s="5" t="s">
        <v>2843</v>
      </c>
      <c r="H1106" s="7" t="s">
        <v>2906</v>
      </c>
      <c r="I1106" s="10">
        <v>2021005007919</v>
      </c>
      <c r="K1106" s="12">
        <v>0</v>
      </c>
      <c r="L1106" s="12">
        <v>0</v>
      </c>
    </row>
    <row r="1107" spans="1:12" ht="21.75" customHeight="1" x14ac:dyDescent="0.2">
      <c r="A1107" s="5">
        <v>1106</v>
      </c>
      <c r="B1107" s="6" t="s">
        <v>152</v>
      </c>
      <c r="C1107" s="7" t="s">
        <v>471</v>
      </c>
      <c r="D1107" s="7" t="s">
        <v>2907</v>
      </c>
      <c r="E1107" s="8" t="s">
        <v>2908</v>
      </c>
      <c r="F1107" s="9" t="s">
        <v>163</v>
      </c>
      <c r="G1107" s="5" t="s">
        <v>2843</v>
      </c>
      <c r="H1107" s="7" t="s">
        <v>2909</v>
      </c>
      <c r="I1107" s="10">
        <v>5021005008047</v>
      </c>
      <c r="K1107" s="12">
        <v>0</v>
      </c>
      <c r="L1107" s="12">
        <v>0</v>
      </c>
    </row>
    <row r="1108" spans="1:12" ht="21.75" customHeight="1" x14ac:dyDescent="0.2">
      <c r="A1108" s="5">
        <v>1107</v>
      </c>
      <c r="B1108" s="6" t="s">
        <v>152</v>
      </c>
      <c r="C1108" s="7" t="s">
        <v>482</v>
      </c>
      <c r="D1108" s="7" t="s">
        <v>2910</v>
      </c>
      <c r="E1108" s="8" t="s">
        <v>484</v>
      </c>
      <c r="F1108" s="9">
        <v>0</v>
      </c>
      <c r="G1108" s="5" t="s">
        <v>2843</v>
      </c>
      <c r="H1108" s="7" t="s">
        <v>2911</v>
      </c>
      <c r="I1108" s="10">
        <v>8021005007839</v>
      </c>
      <c r="K1108" s="12">
        <v>0</v>
      </c>
      <c r="L1108" s="12">
        <v>0</v>
      </c>
    </row>
    <row r="1109" spans="1:12" ht="21.75" customHeight="1" x14ac:dyDescent="0.2">
      <c r="A1109" s="5">
        <v>1108</v>
      </c>
      <c r="B1109" s="6" t="s">
        <v>542</v>
      </c>
      <c r="C1109" s="7" t="s">
        <v>543</v>
      </c>
      <c r="D1109" s="7" t="s">
        <v>2912</v>
      </c>
      <c r="E1109" s="8" t="s">
        <v>2913</v>
      </c>
      <c r="F1109" s="9">
        <v>0</v>
      </c>
      <c r="G1109" s="5" t="s">
        <v>2843</v>
      </c>
      <c r="H1109" s="7" t="s">
        <v>2914</v>
      </c>
      <c r="I1109" s="10">
        <v>4021005007982</v>
      </c>
      <c r="J1109" s="11" t="s">
        <v>2931</v>
      </c>
      <c r="K1109" s="12" t="s">
        <v>2915</v>
      </c>
      <c r="L1109" s="12">
        <v>0</v>
      </c>
    </row>
    <row r="1110" spans="1:12" ht="21.75" customHeight="1" x14ac:dyDescent="0.2">
      <c r="A1110" s="5">
        <v>1109</v>
      </c>
      <c r="B1110" s="6" t="s">
        <v>542</v>
      </c>
      <c r="C1110" s="7" t="s">
        <v>573</v>
      </c>
      <c r="D1110" s="7" t="s">
        <v>2916</v>
      </c>
      <c r="E1110" s="8" t="s">
        <v>2917</v>
      </c>
      <c r="F1110" s="9">
        <v>0</v>
      </c>
      <c r="G1110" s="5" t="s">
        <v>2843</v>
      </c>
      <c r="H1110" s="7" t="s">
        <v>2918</v>
      </c>
      <c r="I1110" s="10">
        <v>8021005007921</v>
      </c>
      <c r="J1110" s="11" t="s">
        <v>2931</v>
      </c>
      <c r="K1110" s="12" t="s">
        <v>2919</v>
      </c>
      <c r="L1110" s="12">
        <v>0</v>
      </c>
    </row>
    <row r="1111" spans="1:12" ht="21.75" customHeight="1" x14ac:dyDescent="0.2">
      <c r="A1111" s="5">
        <v>1110</v>
      </c>
      <c r="B1111" s="6" t="s">
        <v>542</v>
      </c>
      <c r="C1111" s="7" t="s">
        <v>591</v>
      </c>
      <c r="D1111" s="7" t="s">
        <v>2920</v>
      </c>
      <c r="E1111" s="8" t="s">
        <v>2921</v>
      </c>
      <c r="F1111" s="9">
        <v>0</v>
      </c>
      <c r="G1111" s="5" t="s">
        <v>2843</v>
      </c>
      <c r="H1111" s="7" t="s">
        <v>2922</v>
      </c>
      <c r="I1111" s="10">
        <v>8021005009430</v>
      </c>
      <c r="J1111" s="11" t="s">
        <v>2931</v>
      </c>
      <c r="K1111" s="12" t="s">
        <v>2923</v>
      </c>
      <c r="L1111" s="12">
        <v>0</v>
      </c>
    </row>
    <row r="1112" spans="1:12" ht="21.75" customHeight="1" x14ac:dyDescent="0.2">
      <c r="A1112" s="5">
        <v>1111</v>
      </c>
      <c r="B1112" s="6" t="s">
        <v>598</v>
      </c>
      <c r="C1112" s="7" t="s">
        <v>599</v>
      </c>
      <c r="D1112" s="7" t="s">
        <v>2924</v>
      </c>
      <c r="E1112" s="8" t="s">
        <v>2925</v>
      </c>
      <c r="F1112" s="9">
        <v>0</v>
      </c>
      <c r="G1112" s="5" t="s">
        <v>2843</v>
      </c>
      <c r="H1112" s="7" t="s">
        <v>2926</v>
      </c>
      <c r="I1112" s="10">
        <v>2021005008082</v>
      </c>
      <c r="J1112" s="11" t="s">
        <v>2931</v>
      </c>
      <c r="K1112" s="12" t="s">
        <v>2927</v>
      </c>
      <c r="L1112" s="12">
        <v>0</v>
      </c>
    </row>
    <row r="1113" spans="1:12" ht="21.75" customHeight="1" x14ac:dyDescent="0.2">
      <c r="A1113" s="5">
        <v>1112</v>
      </c>
      <c r="B1113" s="6" t="s">
        <v>598</v>
      </c>
      <c r="C1113" s="7" t="s">
        <v>1595</v>
      </c>
      <c r="D1113" s="7" t="s">
        <v>2928</v>
      </c>
      <c r="E1113" s="8" t="s">
        <v>2929</v>
      </c>
      <c r="F1113" s="9">
        <v>0</v>
      </c>
      <c r="G1113" s="5" t="s">
        <v>2843</v>
      </c>
      <c r="H1113" s="7" t="s">
        <v>2930</v>
      </c>
      <c r="I1113" s="10">
        <v>9021005007994</v>
      </c>
      <c r="K1113" s="12">
        <v>0</v>
      </c>
      <c r="L1113" s="12">
        <v>0</v>
      </c>
    </row>
  </sheetData>
  <autoFilter ref="A1:L1113" xr:uid="{00000000-0009-0000-0000-000006000000}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８年１月１日現在</oddFooter>
  </headerFooter>
  <rowBreaks count="22" manualBreakCount="22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  <brk id="1001" max="11" man="1"/>
    <brk id="1051" max="11" man="1"/>
    <brk id="11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その他①</vt:lpstr>
      <vt:lpstr>その他①!Print_Area</vt:lpstr>
      <vt:lpstr>その他①!Print_Titles</vt:lpstr>
      <vt:lpstr>その他①!宗教法人テーブル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6-01-20T05:07:11Z</dcterms:created>
  <dcterms:modified xsi:type="dcterms:W3CDTF">2026-01-27T05:31:03Z</dcterms:modified>
</cp:coreProperties>
</file>